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G\☆02_調査\000_データ類\03_税財政データ集\R4年度\03_税政グループ分\エクセル\成果物\"/>
    </mc:Choice>
  </mc:AlternateContent>
  <bookViews>
    <workbookView xWindow="0" yWindow="0" windowWidth="19200" windowHeight="6756"/>
  </bookViews>
  <sheets>
    <sheet name="徴収経費①" sheetId="1" r:id="rId1"/>
    <sheet name="徴収経費②" sheetId="2" r:id="rId2"/>
  </sheets>
  <calcPr calcId="162913"/>
</workbook>
</file>

<file path=xl/sharedStrings.xml><?xml version="1.0" encoding="utf-8"?>
<sst xmlns="http://schemas.openxmlformats.org/spreadsheetml/2006/main" count="116" uniqueCount="74">
  <si>
    <t>(単位：千円）</t>
    <rPh sb="1" eb="3">
      <t>タンイ</t>
    </rPh>
    <rPh sb="4" eb="6">
      <t>センエン</t>
    </rPh>
    <phoneticPr fontId="2"/>
  </si>
  <si>
    <t>区分</t>
    <rPh sb="0" eb="2">
      <t>クブン</t>
    </rPh>
    <phoneticPr fontId="2"/>
  </si>
  <si>
    <t>税収入額</t>
    <rPh sb="0" eb="1">
      <t>ゼイ</t>
    </rPh>
    <rPh sb="1" eb="3">
      <t>シュウニュウ</t>
    </rPh>
    <rPh sb="3" eb="4">
      <t>ガク</t>
    </rPh>
    <phoneticPr fontId="2"/>
  </si>
  <si>
    <t>徴税費</t>
    <rPh sb="0" eb="2">
      <t>チョウゼイ</t>
    </rPh>
    <rPh sb="2" eb="3">
      <t>ヒ</t>
    </rPh>
    <phoneticPr fontId="2"/>
  </si>
  <si>
    <t>市町村税
[Ａ]</t>
    <rPh sb="0" eb="3">
      <t>シチョウソン</t>
    </rPh>
    <rPh sb="3" eb="4">
      <t>ゼイ</t>
    </rPh>
    <phoneticPr fontId="2"/>
  </si>
  <si>
    <t>個人県民税</t>
    <rPh sb="0" eb="2">
      <t>コジン</t>
    </rPh>
    <rPh sb="2" eb="4">
      <t>ケンミン</t>
    </rPh>
    <rPh sb="4" eb="5">
      <t>ゼイ</t>
    </rPh>
    <phoneticPr fontId="2"/>
  </si>
  <si>
    <t>計
[Ｂ]</t>
    <rPh sb="0" eb="1">
      <t>ケイ</t>
    </rPh>
    <phoneticPr fontId="2"/>
  </si>
  <si>
    <t>人件費</t>
    <rPh sb="0" eb="3">
      <t>ジンケンヒ</t>
    </rPh>
    <phoneticPr fontId="2"/>
  </si>
  <si>
    <t>基本給</t>
    <rPh sb="0" eb="3">
      <t>キホンキュウ</t>
    </rPh>
    <phoneticPr fontId="2"/>
  </si>
  <si>
    <t>諸手当</t>
    <rPh sb="0" eb="1">
      <t>ショ</t>
    </rPh>
    <rPh sb="1" eb="2">
      <t>テ</t>
    </rPh>
    <rPh sb="2" eb="3">
      <t>トウ</t>
    </rPh>
    <phoneticPr fontId="2"/>
  </si>
  <si>
    <t>報酬</t>
    <rPh sb="0" eb="2">
      <t>ホウシュウ</t>
    </rPh>
    <phoneticPr fontId="2"/>
  </si>
  <si>
    <t>その他</t>
    <rPh sb="2" eb="3">
      <t>タ</t>
    </rPh>
    <phoneticPr fontId="2"/>
  </si>
  <si>
    <t>人件費
計</t>
    <rPh sb="0" eb="3">
      <t>ジンケンヒ</t>
    </rPh>
    <rPh sb="4" eb="5">
      <t>ケイ</t>
    </rPh>
    <phoneticPr fontId="2"/>
  </si>
  <si>
    <t>旅費</t>
    <rPh sb="0" eb="2">
      <t>リョヒ</t>
    </rPh>
    <phoneticPr fontId="2"/>
  </si>
  <si>
    <t>計</t>
    <rPh sb="0" eb="1">
      <t>ケイ</t>
    </rPh>
    <phoneticPr fontId="2"/>
  </si>
  <si>
    <t>市町村名</t>
    <rPh sb="0" eb="3">
      <t>シチョウソン</t>
    </rPh>
    <rPh sb="3" eb="4">
      <t>メイ</t>
    </rPh>
    <phoneticPr fontId="2"/>
  </si>
  <si>
    <t>超勤手当</t>
    <rPh sb="0" eb="2">
      <t>チョウキン</t>
    </rPh>
    <rPh sb="2" eb="4">
      <t>テアテ</t>
    </rPh>
    <phoneticPr fontId="2"/>
  </si>
  <si>
    <t>税務手当</t>
    <rPh sb="0" eb="2">
      <t>ゼイム</t>
    </rPh>
    <rPh sb="2" eb="4">
      <t>テアテ</t>
    </rPh>
    <phoneticPr fontId="2"/>
  </si>
  <si>
    <t>その他手当</t>
    <rPh sb="2" eb="3">
      <t>タ</t>
    </rPh>
    <rPh sb="3" eb="5">
      <t>テアテ</t>
    </rPh>
    <phoneticPr fontId="2"/>
  </si>
  <si>
    <t>横浜市</t>
    <rPh sb="0" eb="3">
      <t>ヨコハマシ</t>
    </rPh>
    <phoneticPr fontId="2"/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県計</t>
    <rPh sb="0" eb="1">
      <t>ケン</t>
    </rPh>
    <rPh sb="1" eb="2">
      <t>ケイ</t>
    </rPh>
    <phoneticPr fontId="2"/>
  </si>
  <si>
    <t>徴税費</t>
    <rPh sb="0" eb="1">
      <t>シルシ</t>
    </rPh>
    <rPh sb="1" eb="2">
      <t>ゼイ</t>
    </rPh>
    <rPh sb="2" eb="3">
      <t>ヒ</t>
    </rPh>
    <phoneticPr fontId="2"/>
  </si>
  <si>
    <t>県民税徴収取扱費</t>
    <rPh sb="0" eb="3">
      <t>ケンミンゼイ</t>
    </rPh>
    <rPh sb="3" eb="5">
      <t>チョウシュウ</t>
    </rPh>
    <rPh sb="5" eb="7">
      <t>トリアツカイ</t>
    </rPh>
    <rPh sb="7" eb="8">
      <t>ヒ</t>
    </rPh>
    <phoneticPr fontId="2"/>
  </si>
  <si>
    <t>市町村税
分徴税費
[C]-[D]
[E]</t>
    <rPh sb="0" eb="3">
      <t>シチョウソン</t>
    </rPh>
    <rPh sb="3" eb="4">
      <t>ゼイ</t>
    </rPh>
    <rPh sb="5" eb="6">
      <t>ブン</t>
    </rPh>
    <rPh sb="6" eb="8">
      <t>チョウゼイ</t>
    </rPh>
    <rPh sb="8" eb="9">
      <t>ヒ</t>
    </rPh>
    <phoneticPr fontId="2"/>
  </si>
  <si>
    <t>税収入に対する
徴税費の割合</t>
    <rPh sb="0" eb="1">
      <t>ゼイ</t>
    </rPh>
    <rPh sb="1" eb="3">
      <t>シュウニュウ</t>
    </rPh>
    <rPh sb="4" eb="5">
      <t>タイ</t>
    </rPh>
    <rPh sb="8" eb="10">
      <t>チョウゼイ</t>
    </rPh>
    <rPh sb="10" eb="11">
      <t>ヒ</t>
    </rPh>
    <rPh sb="12" eb="14">
      <t>ワリアイ</t>
    </rPh>
    <phoneticPr fontId="2"/>
  </si>
  <si>
    <t>徴税職員数（人）</t>
    <rPh sb="0" eb="2">
      <t>チョウゼイ</t>
    </rPh>
    <rPh sb="2" eb="4">
      <t>ショクイン</t>
    </rPh>
    <rPh sb="4" eb="5">
      <t>スウ</t>
    </rPh>
    <rPh sb="6" eb="7">
      <t>ニン</t>
    </rPh>
    <phoneticPr fontId="2"/>
  </si>
  <si>
    <t>報奨金等経費</t>
    <rPh sb="0" eb="2">
      <t>ホウショウ</t>
    </rPh>
    <rPh sb="2" eb="3">
      <t>キン</t>
    </rPh>
    <rPh sb="3" eb="4">
      <t>トウ</t>
    </rPh>
    <rPh sb="4" eb="6">
      <t>ケイヒ</t>
    </rPh>
    <phoneticPr fontId="2"/>
  </si>
  <si>
    <t>合計
[C]</t>
    <rPh sb="0" eb="2">
      <t>ゴウケイ</t>
    </rPh>
    <phoneticPr fontId="2"/>
  </si>
  <si>
    <t>納税義務者数
を基準にした
金額</t>
    <rPh sb="0" eb="2">
      <t>ノウゼイ</t>
    </rPh>
    <rPh sb="2" eb="5">
      <t>ギムシャ</t>
    </rPh>
    <rPh sb="5" eb="6">
      <t>スウ</t>
    </rPh>
    <rPh sb="8" eb="10">
      <t>キジュン</t>
    </rPh>
    <rPh sb="14" eb="16">
      <t>キンガク</t>
    </rPh>
    <phoneticPr fontId="2"/>
  </si>
  <si>
    <t>報奨金の額に
相当する金額</t>
    <rPh sb="0" eb="2">
      <t>ホウショウ</t>
    </rPh>
    <rPh sb="2" eb="3">
      <t>キン</t>
    </rPh>
    <rPh sb="4" eb="5">
      <t>ガク</t>
    </rPh>
    <rPh sb="7" eb="8">
      <t>ソウ</t>
    </rPh>
    <rPh sb="8" eb="9">
      <t>トウ</t>
    </rPh>
    <rPh sb="11" eb="13">
      <t>キンガク</t>
    </rPh>
    <phoneticPr fontId="2"/>
  </si>
  <si>
    <t>合計
[D]</t>
    <rPh sb="0" eb="2">
      <t>ゴウケイ</t>
    </rPh>
    <phoneticPr fontId="2"/>
  </si>
  <si>
    <t>徴税
職員</t>
    <rPh sb="0" eb="2">
      <t>チョウゼイ</t>
    </rPh>
    <rPh sb="3" eb="5">
      <t>ショクイン</t>
    </rPh>
    <phoneticPr fontId="2"/>
  </si>
  <si>
    <t>前納報奨金</t>
    <rPh sb="0" eb="1">
      <t>ゼン</t>
    </rPh>
    <rPh sb="1" eb="2">
      <t>ノウ</t>
    </rPh>
    <rPh sb="2" eb="4">
      <t>ホウショウ</t>
    </rPh>
    <rPh sb="4" eb="5">
      <t>キン</t>
    </rPh>
    <phoneticPr fontId="2"/>
  </si>
  <si>
    <t>納税貯蓄
組合補助金</t>
    <rPh sb="0" eb="2">
      <t>ノウゼイ</t>
    </rPh>
    <rPh sb="2" eb="4">
      <t>チョチク</t>
    </rPh>
    <rPh sb="5" eb="7">
      <t>クミアイ</t>
    </rPh>
    <rPh sb="7" eb="10">
      <t>ホジョキン</t>
    </rPh>
    <phoneticPr fontId="2"/>
  </si>
  <si>
    <t>納税奨励金</t>
    <rPh sb="0" eb="2">
      <t>ノウゼイ</t>
    </rPh>
    <rPh sb="2" eb="4">
      <t>ショウレイ</t>
    </rPh>
    <rPh sb="4" eb="5">
      <t>キン</t>
    </rPh>
    <phoneticPr fontId="2"/>
  </si>
  <si>
    <t>[C]/[B]</t>
    <phoneticPr fontId="2"/>
  </si>
  <si>
    <t>[E]/[A]</t>
    <phoneticPr fontId="2"/>
  </si>
  <si>
    <t>７　令和３年度市町村税の徴収に要した経費</t>
    <rPh sb="2" eb="4">
      <t>レイワ</t>
    </rPh>
    <rPh sb="5" eb="7">
      <t>ネンド</t>
    </rPh>
    <rPh sb="6" eb="7">
      <t>ド</t>
    </rPh>
    <rPh sb="7" eb="10">
      <t>シチョウソン</t>
    </rPh>
    <rPh sb="10" eb="11">
      <t>ゼイ</t>
    </rPh>
    <rPh sb="12" eb="14">
      <t>チョウシュウ</t>
    </rPh>
    <rPh sb="15" eb="16">
      <t>ヨウ</t>
    </rPh>
    <rPh sb="18" eb="20">
      <t>ケイヒ</t>
    </rPh>
    <phoneticPr fontId="2"/>
  </si>
  <si>
    <t>令和４年度市町村税課税状況等の調（39表）</t>
    <rPh sb="0" eb="2">
      <t>レイワ</t>
    </rPh>
    <rPh sb="3" eb="5">
      <t>ネンド</t>
    </rPh>
    <rPh sb="4" eb="5">
      <t>ド</t>
    </rPh>
    <rPh sb="5" eb="8">
      <t>シチョウソン</t>
    </rPh>
    <rPh sb="8" eb="9">
      <t>ゼイ</t>
    </rPh>
    <rPh sb="9" eb="11">
      <t>カゼイ</t>
    </rPh>
    <rPh sb="11" eb="13">
      <t>ジョウキョウ</t>
    </rPh>
    <rPh sb="13" eb="14">
      <t>トウ</t>
    </rPh>
    <rPh sb="15" eb="16">
      <t>シラベ</t>
    </rPh>
    <rPh sb="19" eb="20">
      <t>ヒョウ</t>
    </rPh>
    <phoneticPr fontId="2"/>
  </si>
  <si>
    <t>令和４年度市町村税課税状況等の調（39表）</t>
    <rPh sb="0" eb="2">
      <t>レイワ</t>
    </rPh>
    <phoneticPr fontId="2"/>
  </si>
  <si>
    <t>会計年度任用職員等</t>
    <rPh sb="0" eb="2">
      <t>カイケイ</t>
    </rPh>
    <rPh sb="2" eb="4">
      <t>ネンド</t>
    </rPh>
    <rPh sb="4" eb="6">
      <t>ニンヨウ</t>
    </rPh>
    <rPh sb="6" eb="8">
      <t>ショクイン</t>
    </rPh>
    <rPh sb="8" eb="9">
      <t>トウ</t>
    </rPh>
    <phoneticPr fontId="2"/>
  </si>
  <si>
    <t>物件費</t>
    <rPh sb="0" eb="3">
      <t>ブッケンヒ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_(* #,##0_);_(* \(#,##0\);_(* &quot;-&quot;_);_(@_)"/>
    <numFmt numFmtId="177" formatCode="0.0%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Ｐゴシック"/>
      <family val="3"/>
      <charset val="128"/>
    </font>
    <font>
      <sz val="8"/>
      <name val="ＭＳ Ｐゴシック"/>
      <family val="3"/>
      <charset val="128"/>
    </font>
    <font>
      <sz val="8"/>
      <name val="ＭＳ ゴシック"/>
      <family val="3"/>
      <charset val="128"/>
    </font>
    <font>
      <sz val="1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3">
    <xf numFmtId="0" fontId="0" fillId="0" borderId="0"/>
    <xf numFmtId="9" fontId="1" fillId="0" borderId="0" applyFont="0" applyFill="0" applyBorder="0" applyAlignment="0" applyProtection="0"/>
    <xf numFmtId="38" fontId="1" fillId="0" borderId="0" applyFont="0" applyFill="0" applyBorder="0" applyAlignment="0" applyProtection="0"/>
  </cellStyleXfs>
  <cellXfs count="101">
    <xf numFmtId="0" fontId="0" fillId="0" borderId="0" xfId="0"/>
    <xf numFmtId="38" fontId="3" fillId="0" borderId="0" xfId="2" applyFont="1" applyFill="1" applyBorder="1" applyAlignment="1">
      <alignment vertical="center"/>
    </xf>
    <xf numFmtId="38" fontId="4" fillId="0" borderId="0" xfId="2" applyFont="1" applyFill="1" applyBorder="1" applyAlignment="1">
      <alignment vertical="center"/>
    </xf>
    <xf numFmtId="38" fontId="4" fillId="0" borderId="0" xfId="2" applyFont="1" applyFill="1" applyBorder="1" applyAlignment="1">
      <alignment horizontal="center" vertical="center"/>
    </xf>
    <xf numFmtId="38" fontId="4" fillId="0" borderId="0" xfId="2" applyFont="1" applyFill="1" applyBorder="1" applyAlignment="1">
      <alignment horizontal="right" vertical="center"/>
    </xf>
    <xf numFmtId="38" fontId="4" fillId="0" borderId="0" xfId="2" applyFont="1" applyFill="1" applyBorder="1" applyAlignment="1">
      <alignment horizontal="center" vertical="center" wrapText="1"/>
    </xf>
    <xf numFmtId="38" fontId="4" fillId="0" borderId="1" xfId="2" applyFont="1" applyFill="1" applyBorder="1" applyAlignment="1">
      <alignment horizontal="right" vertical="center" wrapText="1"/>
    </xf>
    <xf numFmtId="38" fontId="4" fillId="0" borderId="2" xfId="2" applyFont="1" applyFill="1" applyBorder="1" applyAlignment="1">
      <alignment vertical="center"/>
    </xf>
    <xf numFmtId="38" fontId="4" fillId="0" borderId="4" xfId="2" applyFont="1" applyFill="1" applyBorder="1" applyAlignment="1">
      <alignment vertical="center"/>
    </xf>
    <xf numFmtId="38" fontId="4" fillId="0" borderId="1" xfId="2" applyFont="1" applyFill="1" applyBorder="1" applyAlignment="1">
      <alignment horizontal="distributed" vertical="center"/>
    </xf>
    <xf numFmtId="38" fontId="4" fillId="0" borderId="2" xfId="2" applyFont="1" applyFill="1" applyBorder="1" applyAlignment="1">
      <alignment horizontal="distributed" vertical="center"/>
    </xf>
    <xf numFmtId="3" fontId="4" fillId="0" borderId="0" xfId="2" applyNumberFormat="1" applyFont="1" applyFill="1" applyBorder="1" applyAlignment="1">
      <alignment vertical="center"/>
    </xf>
    <xf numFmtId="38" fontId="4" fillId="0" borderId="7" xfId="2" applyFont="1" applyFill="1" applyBorder="1" applyAlignment="1">
      <alignment horizontal="distributed" vertical="center"/>
    </xf>
    <xf numFmtId="38" fontId="4" fillId="0" borderId="8" xfId="2" applyFont="1" applyFill="1" applyBorder="1" applyAlignment="1">
      <alignment horizontal="distributed" vertical="center"/>
    </xf>
    <xf numFmtId="38" fontId="4" fillId="0" borderId="4" xfId="2" applyFont="1" applyFill="1" applyBorder="1" applyAlignment="1">
      <alignment horizontal="distributed" vertical="center"/>
    </xf>
    <xf numFmtId="38" fontId="5" fillId="0" borderId="4" xfId="2" applyFont="1" applyFill="1" applyBorder="1" applyAlignment="1">
      <alignment horizontal="distributed" vertical="center"/>
    </xf>
    <xf numFmtId="38" fontId="5" fillId="0" borderId="0" xfId="2" applyFont="1" applyFill="1" applyBorder="1" applyAlignment="1">
      <alignment vertical="center"/>
    </xf>
    <xf numFmtId="177" fontId="4" fillId="0" borderId="3" xfId="1" applyNumberFormat="1" applyFont="1" applyFill="1" applyBorder="1" applyAlignment="1">
      <alignment vertical="center"/>
    </xf>
    <xf numFmtId="177" fontId="4" fillId="0" borderId="1" xfId="1" applyNumberFormat="1" applyFont="1" applyFill="1" applyBorder="1" applyAlignment="1">
      <alignment vertical="center"/>
    </xf>
    <xf numFmtId="177" fontId="4" fillId="0" borderId="2" xfId="1" applyNumberFormat="1" applyFont="1" applyFill="1" applyBorder="1" applyAlignment="1">
      <alignment vertical="center"/>
    </xf>
    <xf numFmtId="177" fontId="4" fillId="0" borderId="8" xfId="1" applyNumberFormat="1" applyFont="1" applyFill="1" applyBorder="1" applyAlignment="1">
      <alignment vertical="center"/>
    </xf>
    <xf numFmtId="177" fontId="4" fillId="0" borderId="7" xfId="1" applyNumberFormat="1" applyFont="1" applyFill="1" applyBorder="1" applyAlignment="1">
      <alignment vertical="center"/>
    </xf>
    <xf numFmtId="177" fontId="4" fillId="0" borderId="4" xfId="1" applyNumberFormat="1" applyFont="1" applyFill="1" applyBorder="1" applyAlignment="1">
      <alignment vertical="center"/>
    </xf>
    <xf numFmtId="38" fontId="4" fillId="0" borderId="3" xfId="2" applyFont="1" applyFill="1" applyBorder="1" applyAlignment="1">
      <alignment horizontal="center" vertical="center"/>
    </xf>
    <xf numFmtId="38" fontId="4" fillId="0" borderId="5" xfId="2" applyFont="1" applyFill="1" applyBorder="1" applyAlignment="1">
      <alignment horizontal="center" vertical="center"/>
    </xf>
    <xf numFmtId="176" fontId="4" fillId="0" borderId="0" xfId="2" applyNumberFormat="1" applyFont="1" applyFill="1" applyAlignment="1"/>
    <xf numFmtId="176" fontId="4" fillId="0" borderId="2" xfId="2" applyNumberFormat="1" applyFont="1" applyFill="1" applyBorder="1" applyAlignment="1"/>
    <xf numFmtId="176" fontId="4" fillId="0" borderId="1" xfId="2" applyNumberFormat="1" applyFont="1" applyFill="1" applyBorder="1" applyAlignment="1">
      <alignment vertical="center"/>
    </xf>
    <xf numFmtId="176" fontId="4" fillId="0" borderId="2" xfId="2" applyNumberFormat="1" applyFont="1" applyFill="1" applyBorder="1" applyAlignment="1">
      <alignment vertical="center"/>
    </xf>
    <xf numFmtId="176" fontId="4" fillId="0" borderId="1" xfId="1" applyNumberFormat="1" applyFont="1" applyFill="1" applyBorder="1" applyAlignment="1">
      <alignment vertical="center"/>
    </xf>
    <xf numFmtId="176" fontId="4" fillId="0" borderId="1" xfId="2" applyNumberFormat="1" applyFont="1" applyFill="1" applyBorder="1" applyAlignment="1"/>
    <xf numFmtId="176" fontId="4" fillId="0" borderId="2" xfId="1" applyNumberFormat="1" applyFont="1" applyFill="1" applyBorder="1" applyAlignment="1">
      <alignment vertical="center"/>
    </xf>
    <xf numFmtId="176" fontId="4" fillId="0" borderId="11" xfId="2" applyNumberFormat="1" applyFont="1" applyFill="1" applyBorder="1" applyAlignment="1"/>
    <xf numFmtId="176" fontId="4" fillId="0" borderId="0" xfId="2" applyNumberFormat="1" applyFont="1" applyFill="1" applyBorder="1" applyAlignment="1"/>
    <xf numFmtId="176" fontId="4" fillId="0" borderId="9" xfId="2" applyNumberFormat="1" applyFont="1" applyFill="1" applyBorder="1" applyAlignment="1"/>
    <xf numFmtId="176" fontId="4" fillId="0" borderId="7" xfId="2" applyNumberFormat="1" applyFont="1" applyFill="1" applyBorder="1" applyAlignment="1"/>
    <xf numFmtId="176" fontId="4" fillId="0" borderId="7" xfId="2" applyNumberFormat="1" applyFont="1" applyFill="1" applyBorder="1" applyAlignment="1">
      <alignment vertical="center"/>
    </xf>
    <xf numFmtId="176" fontId="4" fillId="0" borderId="10" xfId="2" applyNumberFormat="1" applyFont="1" applyFill="1" applyBorder="1" applyAlignment="1"/>
    <xf numFmtId="176" fontId="4" fillId="0" borderId="7" xfId="1" applyNumberFormat="1" applyFont="1" applyFill="1" applyBorder="1" applyAlignment="1">
      <alignment vertical="center"/>
    </xf>
    <xf numFmtId="176" fontId="4" fillId="0" borderId="8" xfId="2" applyNumberFormat="1" applyFont="1" applyFill="1" applyBorder="1" applyAlignment="1">
      <alignment vertical="center"/>
    </xf>
    <xf numFmtId="176" fontId="4" fillId="0" borderId="12" xfId="2" applyNumberFormat="1" applyFont="1" applyFill="1" applyBorder="1" applyAlignment="1"/>
    <xf numFmtId="176" fontId="4" fillId="0" borderId="6" xfId="2" applyNumberFormat="1" applyFont="1" applyFill="1" applyBorder="1" applyAlignment="1"/>
    <xf numFmtId="176" fontId="4" fillId="0" borderId="13" xfId="2" applyNumberFormat="1" applyFont="1" applyFill="1" applyBorder="1" applyAlignment="1"/>
    <xf numFmtId="176" fontId="4" fillId="0" borderId="8" xfId="2" applyNumberFormat="1" applyFont="1" applyFill="1" applyBorder="1" applyAlignment="1"/>
    <xf numFmtId="176" fontId="4" fillId="0" borderId="8" xfId="1" applyNumberFormat="1" applyFont="1" applyFill="1" applyBorder="1" applyAlignment="1">
      <alignment vertical="center"/>
    </xf>
    <xf numFmtId="176" fontId="4" fillId="0" borderId="14" xfId="2" applyNumberFormat="1" applyFont="1" applyFill="1" applyBorder="1" applyAlignment="1"/>
    <xf numFmtId="176" fontId="4" fillId="0" borderId="4" xfId="2" applyNumberFormat="1" applyFont="1" applyFill="1" applyBorder="1" applyAlignment="1"/>
    <xf numFmtId="176" fontId="4" fillId="0" borderId="4" xfId="2" applyNumberFormat="1" applyFont="1" applyFill="1" applyBorder="1" applyAlignment="1">
      <alignment vertical="center"/>
    </xf>
    <xf numFmtId="176" fontId="4" fillId="0" borderId="15" xfId="2" applyNumberFormat="1" applyFont="1" applyFill="1" applyBorder="1" applyAlignment="1"/>
    <xf numFmtId="176" fontId="4" fillId="0" borderId="4" xfId="1" applyNumberFormat="1" applyFont="1" applyFill="1" applyBorder="1" applyAlignment="1">
      <alignment vertical="center"/>
    </xf>
    <xf numFmtId="176" fontId="4" fillId="0" borderId="14" xfId="2" applyNumberFormat="1" applyFont="1" applyFill="1" applyBorder="1" applyAlignment="1">
      <alignment vertical="center"/>
    </xf>
    <xf numFmtId="176" fontId="4" fillId="0" borderId="0" xfId="2" applyNumberFormat="1" applyFont="1" applyFill="1" applyAlignment="1">
      <alignment vertical="center"/>
    </xf>
    <xf numFmtId="176" fontId="4" fillId="0" borderId="1" xfId="2" quotePrefix="1" applyNumberFormat="1" applyFont="1" applyFill="1" applyBorder="1" applyAlignment="1">
      <alignment vertical="center"/>
    </xf>
    <xf numFmtId="176" fontId="4" fillId="0" borderId="2" xfId="2" quotePrefix="1" applyNumberFormat="1" applyFont="1" applyFill="1" applyBorder="1" applyAlignment="1">
      <alignment vertical="center"/>
    </xf>
    <xf numFmtId="176" fontId="4" fillId="0" borderId="11" xfId="2" applyNumberFormat="1" applyFont="1" applyFill="1" applyBorder="1" applyAlignment="1">
      <alignment vertical="center"/>
    </xf>
    <xf numFmtId="176" fontId="4" fillId="0" borderId="10" xfId="2" applyNumberFormat="1" applyFont="1" applyFill="1" applyBorder="1" applyAlignment="1">
      <alignment vertical="center"/>
    </xf>
    <xf numFmtId="176" fontId="4" fillId="0" borderId="9" xfId="2" applyNumberFormat="1" applyFont="1" applyFill="1" applyBorder="1" applyAlignment="1">
      <alignment vertical="center"/>
    </xf>
    <xf numFmtId="176" fontId="4" fillId="0" borderId="8" xfId="2" quotePrefix="1" applyNumberFormat="1" applyFont="1" applyFill="1" applyBorder="1" applyAlignment="1">
      <alignment vertical="center"/>
    </xf>
    <xf numFmtId="176" fontId="4" fillId="0" borderId="7" xfId="2" quotePrefix="1" applyNumberFormat="1" applyFont="1" applyFill="1" applyBorder="1" applyAlignment="1">
      <alignment vertical="center"/>
    </xf>
    <xf numFmtId="176" fontId="4" fillId="0" borderId="12" xfId="2" applyNumberFormat="1" applyFont="1" applyFill="1" applyBorder="1" applyAlignment="1">
      <alignment vertical="center"/>
    </xf>
    <xf numFmtId="176" fontId="4" fillId="0" borderId="0" xfId="2" applyNumberFormat="1" applyFont="1" applyFill="1" applyBorder="1" applyAlignment="1">
      <alignment vertical="center"/>
    </xf>
    <xf numFmtId="176" fontId="4" fillId="0" borderId="6" xfId="2" applyNumberFormat="1" applyFont="1" applyFill="1" applyBorder="1" applyAlignment="1">
      <alignment vertical="center"/>
    </xf>
    <xf numFmtId="176" fontId="4" fillId="0" borderId="13" xfId="2" applyNumberFormat="1" applyFont="1" applyFill="1" applyBorder="1" applyAlignment="1">
      <alignment vertical="center"/>
    </xf>
    <xf numFmtId="176" fontId="4" fillId="0" borderId="15" xfId="2" applyNumberFormat="1" applyFont="1" applyFill="1" applyBorder="1" applyAlignment="1">
      <alignment vertical="center"/>
    </xf>
    <xf numFmtId="176" fontId="4" fillId="0" borderId="4" xfId="2" quotePrefix="1" applyNumberFormat="1" applyFont="1" applyFill="1" applyBorder="1" applyAlignment="1">
      <alignment vertical="center"/>
    </xf>
    <xf numFmtId="38" fontId="4" fillId="0" borderId="16" xfId="2" applyFont="1" applyFill="1" applyBorder="1" applyAlignment="1">
      <alignment horizontal="distributed" vertical="center" justifyLastLine="1"/>
    </xf>
    <xf numFmtId="38" fontId="4" fillId="0" borderId="17" xfId="2" applyFont="1" applyFill="1" applyBorder="1" applyAlignment="1">
      <alignment horizontal="distributed" vertical="center" justifyLastLine="1"/>
    </xf>
    <xf numFmtId="38" fontId="4" fillId="0" borderId="5" xfId="2" applyFont="1" applyFill="1" applyBorder="1" applyAlignment="1">
      <alignment horizontal="distributed" vertical="center" justifyLastLine="1"/>
    </xf>
    <xf numFmtId="0" fontId="6" fillId="0" borderId="17" xfId="0" applyFont="1" applyFill="1" applyBorder="1" applyAlignment="1">
      <alignment horizontal="distributed" vertical="center" justifyLastLine="1"/>
    </xf>
    <xf numFmtId="0" fontId="6" fillId="0" borderId="5" xfId="0" applyFont="1" applyFill="1" applyBorder="1" applyAlignment="1">
      <alignment horizontal="distributed" vertical="center" justifyLastLine="1"/>
    </xf>
    <xf numFmtId="38" fontId="4" fillId="0" borderId="3" xfId="2" applyFont="1" applyFill="1" applyBorder="1" applyAlignment="1">
      <alignment horizontal="center" vertical="center"/>
    </xf>
    <xf numFmtId="38" fontId="4" fillId="0" borderId="16" xfId="2" applyFont="1" applyFill="1" applyBorder="1" applyAlignment="1">
      <alignment horizontal="center" vertical="center"/>
    </xf>
    <xf numFmtId="38" fontId="4" fillId="0" borderId="3" xfId="2" applyFont="1" applyFill="1" applyBorder="1" applyAlignment="1">
      <alignment horizontal="distributed" vertical="center" justifyLastLine="1"/>
    </xf>
    <xf numFmtId="38" fontId="4" fillId="0" borderId="18" xfId="2" applyFont="1" applyFill="1" applyBorder="1" applyAlignment="1">
      <alignment horizontal="center" vertical="center" wrapText="1"/>
    </xf>
    <xf numFmtId="0" fontId="6" fillId="0" borderId="19" xfId="0" applyFont="1" applyFill="1" applyBorder="1" applyAlignment="1">
      <alignment horizontal="center" vertical="center" wrapText="1"/>
    </xf>
    <xf numFmtId="38" fontId="4" fillId="0" borderId="1" xfId="2" applyFont="1" applyFill="1" applyBorder="1" applyAlignment="1">
      <alignment horizontal="center" vertical="center" wrapText="1"/>
    </xf>
    <xf numFmtId="38" fontId="4" fillId="0" borderId="4" xfId="2" applyFont="1" applyFill="1" applyBorder="1" applyAlignment="1">
      <alignment horizontal="center" vertical="center" wrapText="1"/>
    </xf>
    <xf numFmtId="38" fontId="4" fillId="0" borderId="1" xfId="2" applyFont="1" applyFill="1" applyBorder="1" applyAlignment="1">
      <alignment horizontal="center" vertical="center"/>
    </xf>
    <xf numFmtId="38" fontId="4" fillId="0" borderId="4" xfId="2" applyFont="1" applyFill="1" applyBorder="1" applyAlignment="1">
      <alignment horizontal="center" vertical="center"/>
    </xf>
    <xf numFmtId="38" fontId="4" fillId="0" borderId="16" xfId="2" applyFont="1" applyFill="1" applyBorder="1" applyAlignment="1">
      <alignment horizontal="center" vertical="center" wrapText="1"/>
    </xf>
    <xf numFmtId="38" fontId="4" fillId="0" borderId="3" xfId="2" applyFont="1" applyFill="1" applyBorder="1" applyAlignment="1">
      <alignment horizontal="center" vertical="center" wrapText="1"/>
    </xf>
    <xf numFmtId="0" fontId="6" fillId="0" borderId="4" xfId="0" applyFont="1" applyFill="1" applyBorder="1" applyAlignment="1">
      <alignment horizontal="center" vertical="center" wrapText="1"/>
    </xf>
    <xf numFmtId="38" fontId="4" fillId="0" borderId="12" xfId="2" applyFont="1" applyFill="1" applyBorder="1" applyAlignment="1">
      <alignment horizontal="center" vertical="center" wrapText="1"/>
    </xf>
    <xf numFmtId="38" fontId="4" fillId="0" borderId="14" xfId="2" applyFont="1" applyFill="1" applyBorder="1" applyAlignment="1">
      <alignment horizontal="center" vertical="center" wrapText="1"/>
    </xf>
    <xf numFmtId="38" fontId="4" fillId="0" borderId="19" xfId="2" applyFont="1" applyFill="1" applyBorder="1" applyAlignment="1">
      <alignment horizontal="center" vertical="center" wrapText="1"/>
    </xf>
    <xf numFmtId="38" fontId="4" fillId="0" borderId="3" xfId="2" applyFont="1" applyFill="1" applyBorder="1" applyAlignment="1">
      <alignment horizontal="center" vertical="center" justifyLastLine="1"/>
    </xf>
    <xf numFmtId="38" fontId="2" fillId="0" borderId="3" xfId="2" applyFont="1" applyFill="1" applyBorder="1" applyAlignment="1">
      <alignment horizontal="distributed" vertical="center" wrapText="1" justifyLastLine="1"/>
    </xf>
    <xf numFmtId="38" fontId="2" fillId="0" borderId="3" xfId="2" applyFont="1" applyFill="1" applyBorder="1" applyAlignment="1">
      <alignment horizontal="distributed" vertical="center" justifyLastLine="1"/>
    </xf>
    <xf numFmtId="38" fontId="2" fillId="0" borderId="1" xfId="2" applyFont="1" applyFill="1" applyBorder="1" applyAlignment="1">
      <alignment horizontal="center" vertical="center" wrapText="1"/>
    </xf>
    <xf numFmtId="38" fontId="2" fillId="0" borderId="2" xfId="2" applyFont="1" applyFill="1" applyBorder="1" applyAlignment="1">
      <alignment horizontal="center" vertical="center" wrapText="1"/>
    </xf>
    <xf numFmtId="38" fontId="2" fillId="0" borderId="4" xfId="2" applyFont="1" applyFill="1" applyBorder="1" applyAlignment="1">
      <alignment horizontal="center" vertical="center" wrapText="1"/>
    </xf>
    <xf numFmtId="38" fontId="2" fillId="0" borderId="3" xfId="2" applyFont="1" applyFill="1" applyBorder="1" applyAlignment="1">
      <alignment horizontal="center" vertical="center" wrapText="1"/>
    </xf>
    <xf numFmtId="38" fontId="2" fillId="0" borderId="3" xfId="2" applyFont="1" applyFill="1" applyBorder="1" applyAlignment="1">
      <alignment horizontal="center" vertical="center"/>
    </xf>
    <xf numFmtId="38" fontId="2" fillId="0" borderId="1" xfId="2" applyFont="1" applyFill="1" applyBorder="1" applyAlignment="1">
      <alignment horizontal="center" vertical="center"/>
    </xf>
    <xf numFmtId="38" fontId="2" fillId="0" borderId="4" xfId="2" applyFont="1" applyFill="1" applyBorder="1" applyAlignment="1">
      <alignment horizontal="center" vertical="center"/>
    </xf>
    <xf numFmtId="38" fontId="4" fillId="0" borderId="18" xfId="2" applyFont="1" applyFill="1" applyBorder="1" applyAlignment="1">
      <alignment horizontal="center" vertical="center"/>
    </xf>
    <xf numFmtId="38" fontId="4" fillId="0" borderId="19" xfId="2" applyFont="1" applyFill="1" applyBorder="1" applyAlignment="1">
      <alignment horizontal="center" vertical="center"/>
    </xf>
    <xf numFmtId="38" fontId="4" fillId="0" borderId="17" xfId="2" applyFont="1" applyFill="1" applyBorder="1" applyAlignment="1">
      <alignment horizontal="center" vertical="center"/>
    </xf>
    <xf numFmtId="38" fontId="4" fillId="0" borderId="5" xfId="2" applyFont="1" applyFill="1" applyBorder="1" applyAlignment="1">
      <alignment horizontal="center" vertical="center"/>
    </xf>
    <xf numFmtId="38" fontId="4" fillId="0" borderId="2" xfId="2" applyFont="1" applyFill="1" applyBorder="1" applyAlignment="1">
      <alignment horizontal="center" vertical="center"/>
    </xf>
    <xf numFmtId="38" fontId="4" fillId="0" borderId="2" xfId="2" applyFont="1" applyFill="1" applyBorder="1" applyAlignment="1">
      <alignment horizontal="center" vertical="center" wrapText="1"/>
    </xf>
  </cellXfs>
  <cellStyles count="3">
    <cellStyle name="パーセント" xfId="1" builtinId="5"/>
    <cellStyle name="桁区切り" xfId="2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3</xdr:row>
      <xdr:rowOff>9525</xdr:rowOff>
    </xdr:from>
    <xdr:to>
      <xdr:col>1</xdr:col>
      <xdr:colOff>0</xdr:colOff>
      <xdr:row>7</xdr:row>
      <xdr:rowOff>0</xdr:rowOff>
    </xdr:to>
    <xdr:sp macro="" textlink="">
      <xdr:nvSpPr>
        <xdr:cNvPr id="1033" name="Line 1"/>
        <xdr:cNvSpPr>
          <a:spLocks noChangeShapeType="1"/>
        </xdr:cNvSpPr>
      </xdr:nvSpPr>
      <xdr:spPr bwMode="auto">
        <a:xfrm flipH="1" flipV="1">
          <a:off x="0" y="533400"/>
          <a:ext cx="828675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1</xdr:row>
      <xdr:rowOff>9525</xdr:rowOff>
    </xdr:from>
    <xdr:to>
      <xdr:col>1</xdr:col>
      <xdr:colOff>0</xdr:colOff>
      <xdr:row>5</xdr:row>
      <xdr:rowOff>0</xdr:rowOff>
    </xdr:to>
    <xdr:sp macro="" textlink="">
      <xdr:nvSpPr>
        <xdr:cNvPr id="2057" name="Line 1"/>
        <xdr:cNvSpPr>
          <a:spLocks noChangeShapeType="1"/>
        </xdr:cNvSpPr>
      </xdr:nvSpPr>
      <xdr:spPr bwMode="auto">
        <a:xfrm flipH="1" flipV="1">
          <a:off x="0" y="161925"/>
          <a:ext cx="828675" cy="600075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R45"/>
  <sheetViews>
    <sheetView tabSelected="1" zoomScaleNormal="100" workbookViewId="0">
      <pane xSplit="1" ySplit="7" topLeftCell="G8" activePane="bottomRight" state="frozen"/>
      <selection pane="topRight"/>
      <selection pane="bottomLeft"/>
      <selection pane="bottomRight" activeCell="S9" sqref="S9"/>
    </sheetView>
  </sheetViews>
  <sheetFormatPr defaultColWidth="12.6640625" defaultRowHeight="11.1" customHeight="1" x14ac:dyDescent="0.2"/>
  <cols>
    <col min="1" max="1" width="10.88671875" style="2" customWidth="1"/>
    <col min="2" max="2" width="10.44140625" style="2" bestFit="1" customWidth="1"/>
    <col min="3" max="3" width="9.44140625" style="2" bestFit="1" customWidth="1"/>
    <col min="4" max="4" width="10.44140625" style="2" bestFit="1" customWidth="1"/>
    <col min="5" max="5" width="8.77734375" style="2" bestFit="1" customWidth="1"/>
    <col min="6" max="6" width="7.88671875" style="2" customWidth="1"/>
    <col min="7" max="7" width="7.21875" style="2" customWidth="1"/>
    <col min="8" max="8" width="8.21875" style="2" bestFit="1" customWidth="1"/>
    <col min="9" max="9" width="8" style="2" bestFit="1" customWidth="1"/>
    <col min="10" max="11" width="7.77734375" style="2" customWidth="1"/>
    <col min="12" max="12" width="8.109375" style="2" customWidth="1"/>
    <col min="13" max="14" width="7.77734375" style="2" customWidth="1"/>
    <col min="15" max="15" width="7.88671875" style="2" customWidth="1"/>
    <col min="16" max="16384" width="12.6640625" style="2"/>
  </cols>
  <sheetData>
    <row r="1" spans="1:18" ht="15.75" customHeight="1" x14ac:dyDescent="0.2">
      <c r="A1" s="1" t="s">
        <v>69</v>
      </c>
      <c r="M1" s="3"/>
      <c r="N1" s="3"/>
      <c r="O1" s="3"/>
      <c r="R1" s="4"/>
    </row>
    <row r="2" spans="1:18" ht="13.5" customHeight="1" x14ac:dyDescent="0.2">
      <c r="A2" s="1"/>
      <c r="B2" s="3"/>
      <c r="C2" s="3"/>
      <c r="D2" s="3"/>
      <c r="E2" s="3"/>
      <c r="F2" s="3"/>
      <c r="G2" s="3"/>
      <c r="H2" s="3"/>
      <c r="I2" s="3"/>
      <c r="J2" s="3"/>
      <c r="K2" s="3"/>
      <c r="M2" s="3"/>
      <c r="N2" s="3"/>
      <c r="O2" s="3"/>
      <c r="P2" s="3"/>
      <c r="Q2" s="3"/>
      <c r="R2" s="5"/>
    </row>
    <row r="3" spans="1:18" ht="12" customHeight="1" x14ac:dyDescent="0.2">
      <c r="B3" s="3"/>
      <c r="C3" s="3"/>
      <c r="D3" s="3"/>
      <c r="E3" s="3"/>
      <c r="F3" s="3"/>
      <c r="G3" s="3"/>
      <c r="H3" s="3"/>
      <c r="I3" s="3"/>
      <c r="J3" s="3"/>
      <c r="K3" s="3"/>
      <c r="L3" s="4"/>
      <c r="M3" s="3"/>
      <c r="N3" s="3"/>
      <c r="O3" s="4" t="s">
        <v>0</v>
      </c>
      <c r="P3" s="3"/>
      <c r="Q3" s="3"/>
      <c r="R3" s="3"/>
    </row>
    <row r="4" spans="1:18" ht="12" customHeight="1" x14ac:dyDescent="0.2">
      <c r="A4" s="6" t="s">
        <v>1</v>
      </c>
      <c r="B4" s="65" t="s">
        <v>2</v>
      </c>
      <c r="C4" s="66"/>
      <c r="D4" s="67"/>
      <c r="E4" s="65" t="s">
        <v>3</v>
      </c>
      <c r="F4" s="66"/>
      <c r="G4" s="66"/>
      <c r="H4" s="66"/>
      <c r="I4" s="66"/>
      <c r="J4" s="66"/>
      <c r="K4" s="66"/>
      <c r="L4" s="66"/>
      <c r="M4" s="68"/>
      <c r="N4" s="68"/>
      <c r="O4" s="69"/>
      <c r="P4" s="3"/>
      <c r="Q4" s="3"/>
      <c r="R4" s="3"/>
    </row>
    <row r="5" spans="1:18" ht="12" customHeight="1" x14ac:dyDescent="0.2">
      <c r="A5" s="7"/>
      <c r="B5" s="79" t="s">
        <v>4</v>
      </c>
      <c r="C5" s="70" t="s">
        <v>5</v>
      </c>
      <c r="D5" s="80" t="s">
        <v>6</v>
      </c>
      <c r="E5" s="72" t="s">
        <v>7</v>
      </c>
      <c r="F5" s="72"/>
      <c r="G5" s="72"/>
      <c r="H5" s="72"/>
      <c r="I5" s="72"/>
      <c r="J5" s="72"/>
      <c r="K5" s="72"/>
      <c r="L5" s="72"/>
      <c r="M5" s="65" t="s">
        <v>73</v>
      </c>
      <c r="N5" s="66"/>
      <c r="O5" s="67"/>
      <c r="P5" s="3"/>
      <c r="Q5" s="3"/>
      <c r="R5" s="3"/>
    </row>
    <row r="6" spans="1:18" ht="12" customHeight="1" x14ac:dyDescent="0.2">
      <c r="A6" s="7"/>
      <c r="B6" s="71"/>
      <c r="C6" s="70"/>
      <c r="D6" s="70"/>
      <c r="E6" s="70" t="s">
        <v>8</v>
      </c>
      <c r="F6" s="65" t="s">
        <v>9</v>
      </c>
      <c r="G6" s="66"/>
      <c r="H6" s="66"/>
      <c r="I6" s="67"/>
      <c r="J6" s="75" t="s">
        <v>10</v>
      </c>
      <c r="K6" s="73" t="s">
        <v>11</v>
      </c>
      <c r="L6" s="75" t="s">
        <v>12</v>
      </c>
      <c r="M6" s="77" t="s">
        <v>13</v>
      </c>
      <c r="N6" s="77" t="s">
        <v>11</v>
      </c>
      <c r="O6" s="70" t="s">
        <v>14</v>
      </c>
      <c r="P6" s="3"/>
      <c r="Q6" s="3"/>
      <c r="R6" s="3"/>
    </row>
    <row r="7" spans="1:18" ht="12" customHeight="1" x14ac:dyDescent="0.2">
      <c r="A7" s="8" t="s">
        <v>15</v>
      </c>
      <c r="B7" s="71"/>
      <c r="C7" s="70"/>
      <c r="D7" s="70"/>
      <c r="E7" s="71"/>
      <c r="F7" s="23" t="s">
        <v>16</v>
      </c>
      <c r="G7" s="23" t="s">
        <v>17</v>
      </c>
      <c r="H7" s="24" t="s">
        <v>18</v>
      </c>
      <c r="I7" s="23" t="s">
        <v>14</v>
      </c>
      <c r="J7" s="81"/>
      <c r="K7" s="74"/>
      <c r="L7" s="76"/>
      <c r="M7" s="78"/>
      <c r="N7" s="78"/>
      <c r="O7" s="70"/>
      <c r="P7" s="3"/>
      <c r="Q7" s="3"/>
      <c r="R7" s="3"/>
    </row>
    <row r="8" spans="1:18" ht="12" customHeight="1" x14ac:dyDescent="0.15">
      <c r="A8" s="9" t="s">
        <v>19</v>
      </c>
      <c r="B8" s="25">
        <v>838901732</v>
      </c>
      <c r="C8" s="26">
        <v>106526268</v>
      </c>
      <c r="D8" s="27">
        <v>945428000</v>
      </c>
      <c r="E8" s="25">
        <v>4289252</v>
      </c>
      <c r="F8" s="26">
        <v>188065</v>
      </c>
      <c r="G8" s="26">
        <v>0</v>
      </c>
      <c r="H8" s="25">
        <v>2992498</v>
      </c>
      <c r="I8" s="27">
        <v>3180563</v>
      </c>
      <c r="J8" s="28">
        <v>135914</v>
      </c>
      <c r="K8" s="25">
        <v>1460457</v>
      </c>
      <c r="L8" s="29">
        <v>9066186</v>
      </c>
      <c r="M8" s="25">
        <v>5302</v>
      </c>
      <c r="N8" s="30">
        <v>2063221</v>
      </c>
      <c r="O8" s="30">
        <v>2068523</v>
      </c>
    </row>
    <row r="9" spans="1:18" ht="12" customHeight="1" x14ac:dyDescent="0.15">
      <c r="A9" s="10" t="s">
        <v>20</v>
      </c>
      <c r="B9" s="25">
        <v>364605509</v>
      </c>
      <c r="C9" s="26">
        <v>45654443</v>
      </c>
      <c r="D9" s="28">
        <v>410259952</v>
      </c>
      <c r="E9" s="25">
        <v>1811095</v>
      </c>
      <c r="F9" s="26">
        <v>148469</v>
      </c>
      <c r="G9" s="26">
        <v>916</v>
      </c>
      <c r="H9" s="25">
        <v>1231163</v>
      </c>
      <c r="I9" s="28">
        <v>1380548</v>
      </c>
      <c r="J9" s="28">
        <v>112145</v>
      </c>
      <c r="K9" s="25">
        <v>652569</v>
      </c>
      <c r="L9" s="31">
        <v>3956357</v>
      </c>
      <c r="M9" s="25">
        <v>2227</v>
      </c>
      <c r="N9" s="26">
        <v>1772474</v>
      </c>
      <c r="O9" s="26">
        <v>1774701</v>
      </c>
    </row>
    <row r="10" spans="1:18" ht="12" customHeight="1" x14ac:dyDescent="0.15">
      <c r="A10" s="10" t="s">
        <v>21</v>
      </c>
      <c r="B10" s="25">
        <v>129575345</v>
      </c>
      <c r="C10" s="26">
        <v>15971251</v>
      </c>
      <c r="D10" s="28">
        <v>145546596</v>
      </c>
      <c r="E10" s="25">
        <v>749493</v>
      </c>
      <c r="F10" s="26">
        <v>78862</v>
      </c>
      <c r="G10" s="26">
        <v>2903</v>
      </c>
      <c r="H10" s="25">
        <v>477477</v>
      </c>
      <c r="I10" s="28">
        <v>559242</v>
      </c>
      <c r="J10" s="28">
        <v>79965</v>
      </c>
      <c r="K10" s="25">
        <v>265178</v>
      </c>
      <c r="L10" s="31">
        <v>1653878</v>
      </c>
      <c r="M10" s="25">
        <v>2845</v>
      </c>
      <c r="N10" s="26">
        <v>427059</v>
      </c>
      <c r="O10" s="26">
        <v>429904</v>
      </c>
      <c r="R10" s="11"/>
    </row>
    <row r="11" spans="1:18" ht="12" customHeight="1" x14ac:dyDescent="0.15">
      <c r="A11" s="9" t="s">
        <v>22</v>
      </c>
      <c r="B11" s="32">
        <v>57302300</v>
      </c>
      <c r="C11" s="30">
        <v>15320363</v>
      </c>
      <c r="D11" s="27">
        <v>72622663</v>
      </c>
      <c r="E11" s="32">
        <v>600448</v>
      </c>
      <c r="F11" s="30">
        <v>23369</v>
      </c>
      <c r="G11" s="30">
        <v>0</v>
      </c>
      <c r="H11" s="32">
        <v>276601</v>
      </c>
      <c r="I11" s="27">
        <v>299970</v>
      </c>
      <c r="J11" s="27">
        <v>24567</v>
      </c>
      <c r="K11" s="32">
        <v>183977</v>
      </c>
      <c r="L11" s="29">
        <v>1108962</v>
      </c>
      <c r="M11" s="32">
        <v>580</v>
      </c>
      <c r="N11" s="30">
        <v>237135</v>
      </c>
      <c r="O11" s="30">
        <v>237715</v>
      </c>
      <c r="R11" s="11"/>
    </row>
    <row r="12" spans="1:18" ht="12" customHeight="1" x14ac:dyDescent="0.15">
      <c r="A12" s="10" t="s">
        <v>23</v>
      </c>
      <c r="B12" s="33">
        <v>42692869</v>
      </c>
      <c r="C12" s="26">
        <v>10325245</v>
      </c>
      <c r="D12" s="28">
        <v>53018114</v>
      </c>
      <c r="E12" s="33">
        <v>278189</v>
      </c>
      <c r="F12" s="26">
        <v>30685</v>
      </c>
      <c r="G12" s="26">
        <v>12</v>
      </c>
      <c r="H12" s="33">
        <v>187603</v>
      </c>
      <c r="I12" s="28">
        <v>218300</v>
      </c>
      <c r="J12" s="28">
        <v>0</v>
      </c>
      <c r="K12" s="33">
        <v>96095</v>
      </c>
      <c r="L12" s="31">
        <v>592584</v>
      </c>
      <c r="M12" s="33">
        <v>0</v>
      </c>
      <c r="N12" s="26">
        <v>43405</v>
      </c>
      <c r="O12" s="26">
        <v>43405</v>
      </c>
      <c r="R12" s="11"/>
    </row>
    <row r="13" spans="1:18" ht="12" customHeight="1" x14ac:dyDescent="0.15">
      <c r="A13" s="10" t="s">
        <v>24</v>
      </c>
      <c r="B13" s="25">
        <v>36524342</v>
      </c>
      <c r="C13" s="26">
        <v>11126676</v>
      </c>
      <c r="D13" s="28">
        <v>47651018</v>
      </c>
      <c r="E13" s="25">
        <v>201744</v>
      </c>
      <c r="F13" s="26">
        <v>16658</v>
      </c>
      <c r="G13" s="26">
        <v>89</v>
      </c>
      <c r="H13" s="25">
        <v>142042</v>
      </c>
      <c r="I13" s="28">
        <v>158789</v>
      </c>
      <c r="J13" s="28">
        <v>22138</v>
      </c>
      <c r="K13" s="25">
        <v>70027</v>
      </c>
      <c r="L13" s="31">
        <v>452698</v>
      </c>
      <c r="M13" s="25">
        <v>1132</v>
      </c>
      <c r="N13" s="26">
        <v>12785</v>
      </c>
      <c r="O13" s="26">
        <v>13917</v>
      </c>
      <c r="R13" s="11"/>
    </row>
    <row r="14" spans="1:18" ht="12" customHeight="1" x14ac:dyDescent="0.15">
      <c r="A14" s="10" t="s">
        <v>25</v>
      </c>
      <c r="B14" s="25">
        <v>81339202</v>
      </c>
      <c r="C14" s="26">
        <v>22789338</v>
      </c>
      <c r="D14" s="28">
        <v>104128540</v>
      </c>
      <c r="E14" s="25">
        <v>314262</v>
      </c>
      <c r="F14" s="26">
        <v>22768</v>
      </c>
      <c r="G14" s="26">
        <v>186</v>
      </c>
      <c r="H14" s="25">
        <v>224537</v>
      </c>
      <c r="I14" s="28">
        <v>247491</v>
      </c>
      <c r="J14" s="28">
        <v>62306</v>
      </c>
      <c r="K14" s="25">
        <v>239903</v>
      </c>
      <c r="L14" s="31">
        <v>863962</v>
      </c>
      <c r="M14" s="25">
        <v>143</v>
      </c>
      <c r="N14" s="26">
        <v>22224</v>
      </c>
      <c r="O14" s="26">
        <v>22367</v>
      </c>
      <c r="R14" s="11"/>
    </row>
    <row r="15" spans="1:18" ht="12" customHeight="1" x14ac:dyDescent="0.15">
      <c r="A15" s="10" t="s">
        <v>26</v>
      </c>
      <c r="B15" s="25">
        <v>31935361</v>
      </c>
      <c r="C15" s="26">
        <v>7563764</v>
      </c>
      <c r="D15" s="28">
        <v>39499125</v>
      </c>
      <c r="E15" s="25">
        <v>258355</v>
      </c>
      <c r="F15" s="26">
        <v>33087</v>
      </c>
      <c r="G15" s="26">
        <v>976</v>
      </c>
      <c r="H15" s="25">
        <v>160390</v>
      </c>
      <c r="I15" s="28">
        <v>194453</v>
      </c>
      <c r="J15" s="28">
        <v>21531</v>
      </c>
      <c r="K15" s="25">
        <v>90005</v>
      </c>
      <c r="L15" s="31">
        <v>564344</v>
      </c>
      <c r="M15" s="25">
        <v>844</v>
      </c>
      <c r="N15" s="26">
        <v>73854</v>
      </c>
      <c r="O15" s="26">
        <v>74698</v>
      </c>
      <c r="R15" s="11"/>
    </row>
    <row r="16" spans="1:18" ht="12" customHeight="1" x14ac:dyDescent="0.15">
      <c r="A16" s="12" t="s">
        <v>27</v>
      </c>
      <c r="B16" s="34">
        <v>36779348</v>
      </c>
      <c r="C16" s="35">
        <v>11196377</v>
      </c>
      <c r="D16" s="36">
        <v>47975725</v>
      </c>
      <c r="E16" s="37">
        <v>277662</v>
      </c>
      <c r="F16" s="35">
        <v>19128</v>
      </c>
      <c r="G16" s="35">
        <v>0</v>
      </c>
      <c r="H16" s="37">
        <v>124121</v>
      </c>
      <c r="I16" s="36">
        <v>143249</v>
      </c>
      <c r="J16" s="36">
        <v>18253</v>
      </c>
      <c r="K16" s="37">
        <v>83822</v>
      </c>
      <c r="L16" s="38">
        <v>522986</v>
      </c>
      <c r="M16" s="34">
        <v>426</v>
      </c>
      <c r="N16" s="35">
        <v>16578</v>
      </c>
      <c r="O16" s="35">
        <v>17004</v>
      </c>
      <c r="R16" s="11"/>
    </row>
    <row r="17" spans="1:18" ht="12" customHeight="1" x14ac:dyDescent="0.15">
      <c r="A17" s="13" t="s">
        <v>28</v>
      </c>
      <c r="B17" s="25">
        <v>9550461</v>
      </c>
      <c r="C17" s="26">
        <v>3405780</v>
      </c>
      <c r="D17" s="28">
        <v>12956241</v>
      </c>
      <c r="E17" s="25">
        <v>79220</v>
      </c>
      <c r="F17" s="26">
        <v>9252</v>
      </c>
      <c r="G17" s="26">
        <v>0</v>
      </c>
      <c r="H17" s="25">
        <v>53454</v>
      </c>
      <c r="I17" s="39">
        <v>62706</v>
      </c>
      <c r="J17" s="28">
        <v>7506</v>
      </c>
      <c r="K17" s="25">
        <v>28669</v>
      </c>
      <c r="L17" s="31">
        <v>178101</v>
      </c>
      <c r="M17" s="25">
        <v>98</v>
      </c>
      <c r="N17" s="26">
        <v>54390</v>
      </c>
      <c r="O17" s="26">
        <v>54488</v>
      </c>
      <c r="R17" s="11"/>
    </row>
    <row r="18" spans="1:18" ht="12" customHeight="1" x14ac:dyDescent="0.15">
      <c r="A18" s="10" t="s">
        <v>29</v>
      </c>
      <c r="B18" s="25">
        <v>5422267</v>
      </c>
      <c r="C18" s="26">
        <v>1419866</v>
      </c>
      <c r="D18" s="28">
        <v>6842133</v>
      </c>
      <c r="E18" s="25">
        <v>63675</v>
      </c>
      <c r="F18" s="26">
        <v>6197</v>
      </c>
      <c r="G18" s="26">
        <v>0</v>
      </c>
      <c r="H18" s="25">
        <v>32213</v>
      </c>
      <c r="I18" s="28">
        <v>38410</v>
      </c>
      <c r="J18" s="28">
        <v>7345</v>
      </c>
      <c r="K18" s="25">
        <v>20553</v>
      </c>
      <c r="L18" s="31">
        <v>129983</v>
      </c>
      <c r="M18" s="25">
        <v>325</v>
      </c>
      <c r="N18" s="26">
        <v>23840</v>
      </c>
      <c r="O18" s="26">
        <v>24165</v>
      </c>
      <c r="R18" s="11"/>
    </row>
    <row r="19" spans="1:18" ht="12" customHeight="1" x14ac:dyDescent="0.15">
      <c r="A19" s="10" t="s">
        <v>30</v>
      </c>
      <c r="B19" s="25">
        <v>22063548</v>
      </c>
      <c r="C19" s="26">
        <v>5866507</v>
      </c>
      <c r="D19" s="28">
        <v>27930055</v>
      </c>
      <c r="E19" s="25">
        <v>173348</v>
      </c>
      <c r="F19" s="26">
        <v>13146</v>
      </c>
      <c r="G19" s="26">
        <v>0</v>
      </c>
      <c r="H19" s="25">
        <v>2698</v>
      </c>
      <c r="I19" s="28">
        <v>15844</v>
      </c>
      <c r="J19" s="28">
        <v>23010</v>
      </c>
      <c r="K19" s="25">
        <v>53632</v>
      </c>
      <c r="L19" s="31">
        <v>265834</v>
      </c>
      <c r="M19" s="25">
        <v>2</v>
      </c>
      <c r="N19" s="26">
        <v>9645</v>
      </c>
      <c r="O19" s="26">
        <v>9647</v>
      </c>
      <c r="R19" s="11"/>
    </row>
    <row r="20" spans="1:18" ht="12" customHeight="1" x14ac:dyDescent="0.15">
      <c r="A20" s="10" t="s">
        <v>31</v>
      </c>
      <c r="B20" s="25">
        <v>44195557</v>
      </c>
      <c r="C20" s="26">
        <v>9820305</v>
      </c>
      <c r="D20" s="28">
        <v>54015862</v>
      </c>
      <c r="E20" s="25">
        <v>267960</v>
      </c>
      <c r="F20" s="26">
        <v>47028</v>
      </c>
      <c r="G20" s="26">
        <v>0</v>
      </c>
      <c r="H20" s="25">
        <v>185580</v>
      </c>
      <c r="I20" s="28">
        <v>232608</v>
      </c>
      <c r="J20" s="28">
        <v>0</v>
      </c>
      <c r="K20" s="25">
        <v>92854</v>
      </c>
      <c r="L20" s="31">
        <v>593422</v>
      </c>
      <c r="M20" s="25">
        <v>1402</v>
      </c>
      <c r="N20" s="26">
        <v>144520</v>
      </c>
      <c r="O20" s="26">
        <v>145922</v>
      </c>
      <c r="R20" s="11"/>
    </row>
    <row r="21" spans="1:18" ht="12" customHeight="1" x14ac:dyDescent="0.15">
      <c r="A21" s="12" t="s">
        <v>32</v>
      </c>
      <c r="B21" s="34">
        <v>36638738</v>
      </c>
      <c r="C21" s="35">
        <v>10767394</v>
      </c>
      <c r="D21" s="36">
        <v>47406132</v>
      </c>
      <c r="E21" s="37">
        <v>230536</v>
      </c>
      <c r="F21" s="35">
        <v>21596</v>
      </c>
      <c r="G21" s="35">
        <v>0</v>
      </c>
      <c r="H21" s="37">
        <v>139488</v>
      </c>
      <c r="I21" s="36">
        <v>161084</v>
      </c>
      <c r="J21" s="36">
        <v>13355</v>
      </c>
      <c r="K21" s="37">
        <v>72504</v>
      </c>
      <c r="L21" s="38">
        <v>477479</v>
      </c>
      <c r="M21" s="34">
        <v>19</v>
      </c>
      <c r="N21" s="35">
        <v>148688</v>
      </c>
      <c r="O21" s="35">
        <v>148707</v>
      </c>
      <c r="R21" s="11"/>
    </row>
    <row r="22" spans="1:18" ht="12" customHeight="1" x14ac:dyDescent="0.15">
      <c r="A22" s="13" t="s">
        <v>33</v>
      </c>
      <c r="B22" s="25">
        <v>16556288</v>
      </c>
      <c r="C22" s="26">
        <v>4375160</v>
      </c>
      <c r="D22" s="28">
        <v>20931448</v>
      </c>
      <c r="E22" s="25">
        <v>130946</v>
      </c>
      <c r="F22" s="26">
        <v>14996</v>
      </c>
      <c r="G22" s="26">
        <v>0</v>
      </c>
      <c r="H22" s="25">
        <v>55373</v>
      </c>
      <c r="I22" s="39">
        <v>70369</v>
      </c>
      <c r="J22" s="28">
        <v>12004</v>
      </c>
      <c r="K22" s="25">
        <v>47120</v>
      </c>
      <c r="L22" s="31">
        <v>260439</v>
      </c>
      <c r="M22" s="25">
        <v>63</v>
      </c>
      <c r="N22" s="26">
        <v>175678</v>
      </c>
      <c r="O22" s="26">
        <v>175741</v>
      </c>
      <c r="R22" s="11"/>
    </row>
    <row r="23" spans="1:18" ht="12" customHeight="1" x14ac:dyDescent="0.15">
      <c r="A23" s="10" t="s">
        <v>34</v>
      </c>
      <c r="B23" s="25">
        <v>23749673</v>
      </c>
      <c r="C23" s="26">
        <v>6180507</v>
      </c>
      <c r="D23" s="28">
        <v>29930180</v>
      </c>
      <c r="E23" s="25">
        <v>135577</v>
      </c>
      <c r="F23" s="26">
        <v>15836</v>
      </c>
      <c r="G23" s="26">
        <v>0</v>
      </c>
      <c r="H23" s="25">
        <v>90399</v>
      </c>
      <c r="I23" s="28">
        <v>106235</v>
      </c>
      <c r="J23" s="28">
        <v>11887</v>
      </c>
      <c r="K23" s="25">
        <v>63627</v>
      </c>
      <c r="L23" s="31">
        <v>317326</v>
      </c>
      <c r="M23" s="25">
        <v>22</v>
      </c>
      <c r="N23" s="26">
        <v>259417</v>
      </c>
      <c r="O23" s="26">
        <v>259439</v>
      </c>
      <c r="R23" s="11"/>
    </row>
    <row r="24" spans="1:18" ht="12" customHeight="1" x14ac:dyDescent="0.15">
      <c r="A24" s="10" t="s">
        <v>35</v>
      </c>
      <c r="B24" s="25">
        <v>18971133</v>
      </c>
      <c r="C24" s="26">
        <v>5224314</v>
      </c>
      <c r="D24" s="28">
        <v>24195447</v>
      </c>
      <c r="E24" s="25">
        <v>137244</v>
      </c>
      <c r="F24" s="26">
        <v>13587</v>
      </c>
      <c r="G24" s="26">
        <v>1</v>
      </c>
      <c r="H24" s="25">
        <v>87559</v>
      </c>
      <c r="I24" s="28">
        <v>101147</v>
      </c>
      <c r="J24" s="28">
        <v>17711</v>
      </c>
      <c r="K24" s="25">
        <v>37816</v>
      </c>
      <c r="L24" s="31">
        <v>293918</v>
      </c>
      <c r="M24" s="25">
        <v>60</v>
      </c>
      <c r="N24" s="26">
        <v>111227</v>
      </c>
      <c r="O24" s="26">
        <v>111287</v>
      </c>
      <c r="R24" s="11"/>
    </row>
    <row r="25" spans="1:18" ht="12" customHeight="1" x14ac:dyDescent="0.15">
      <c r="A25" s="10" t="s">
        <v>36</v>
      </c>
      <c r="B25" s="25">
        <v>6744893</v>
      </c>
      <c r="C25" s="26">
        <v>1465529</v>
      </c>
      <c r="D25" s="28">
        <v>8210422</v>
      </c>
      <c r="E25" s="25">
        <v>69175</v>
      </c>
      <c r="F25" s="26">
        <v>5711</v>
      </c>
      <c r="G25" s="26">
        <v>0</v>
      </c>
      <c r="H25" s="25">
        <v>34052</v>
      </c>
      <c r="I25" s="28">
        <v>39763</v>
      </c>
      <c r="J25" s="28">
        <v>19571</v>
      </c>
      <c r="K25" s="25">
        <v>9869</v>
      </c>
      <c r="L25" s="31">
        <v>138378</v>
      </c>
      <c r="M25" s="25">
        <v>167</v>
      </c>
      <c r="N25" s="26">
        <v>27382</v>
      </c>
      <c r="O25" s="26">
        <v>27549</v>
      </c>
      <c r="R25" s="11"/>
    </row>
    <row r="26" spans="1:18" ht="12" customHeight="1" x14ac:dyDescent="0.15">
      <c r="A26" s="14" t="s">
        <v>37</v>
      </c>
      <c r="B26" s="25">
        <v>12908131</v>
      </c>
      <c r="C26" s="26">
        <v>3127342</v>
      </c>
      <c r="D26" s="28">
        <v>16035473</v>
      </c>
      <c r="E26" s="25">
        <v>109635</v>
      </c>
      <c r="F26" s="26">
        <v>11846</v>
      </c>
      <c r="G26" s="26">
        <v>0</v>
      </c>
      <c r="H26" s="25">
        <v>67276</v>
      </c>
      <c r="I26" s="28">
        <v>79122</v>
      </c>
      <c r="J26" s="28">
        <v>10229</v>
      </c>
      <c r="K26" s="25">
        <v>25</v>
      </c>
      <c r="L26" s="31">
        <v>199011</v>
      </c>
      <c r="M26" s="25">
        <v>6</v>
      </c>
      <c r="N26" s="26">
        <v>27472</v>
      </c>
      <c r="O26" s="26">
        <v>27478</v>
      </c>
      <c r="R26" s="11"/>
    </row>
    <row r="27" spans="1:18" ht="12" customHeight="1" x14ac:dyDescent="0.15">
      <c r="A27" s="9" t="s">
        <v>38</v>
      </c>
      <c r="B27" s="32">
        <v>5765889</v>
      </c>
      <c r="C27" s="30">
        <v>1852600</v>
      </c>
      <c r="D27" s="27">
        <v>7618489</v>
      </c>
      <c r="E27" s="32">
        <v>48048</v>
      </c>
      <c r="F27" s="30">
        <v>2211</v>
      </c>
      <c r="G27" s="30">
        <v>0</v>
      </c>
      <c r="H27" s="32">
        <v>28650</v>
      </c>
      <c r="I27" s="27">
        <v>30861</v>
      </c>
      <c r="J27" s="27">
        <v>8779</v>
      </c>
      <c r="K27" s="32">
        <v>23720</v>
      </c>
      <c r="L27" s="29">
        <v>111408</v>
      </c>
      <c r="M27" s="40">
        <v>17</v>
      </c>
      <c r="N27" s="30">
        <v>3140</v>
      </c>
      <c r="O27" s="30">
        <v>3157</v>
      </c>
      <c r="R27" s="11"/>
    </row>
    <row r="28" spans="1:18" ht="12" customHeight="1" x14ac:dyDescent="0.15">
      <c r="A28" s="10" t="s">
        <v>39</v>
      </c>
      <c r="B28" s="33">
        <v>9077055</v>
      </c>
      <c r="C28" s="26">
        <v>1799850</v>
      </c>
      <c r="D28" s="28">
        <v>10876905</v>
      </c>
      <c r="E28" s="33">
        <v>67485</v>
      </c>
      <c r="F28" s="26">
        <v>3099</v>
      </c>
      <c r="G28" s="26">
        <v>0</v>
      </c>
      <c r="H28" s="33">
        <v>45421</v>
      </c>
      <c r="I28" s="28">
        <v>48520</v>
      </c>
      <c r="J28" s="28">
        <v>0</v>
      </c>
      <c r="K28" s="33">
        <v>31624</v>
      </c>
      <c r="L28" s="31">
        <v>147629</v>
      </c>
      <c r="M28" s="41">
        <v>1</v>
      </c>
      <c r="N28" s="26">
        <v>2524</v>
      </c>
      <c r="O28" s="26">
        <v>2525</v>
      </c>
      <c r="R28" s="11"/>
    </row>
    <row r="29" spans="1:18" ht="12" customHeight="1" x14ac:dyDescent="0.15">
      <c r="A29" s="10" t="s">
        <v>40</v>
      </c>
      <c r="B29" s="33">
        <v>4850790</v>
      </c>
      <c r="C29" s="26">
        <v>1562701</v>
      </c>
      <c r="D29" s="28">
        <v>6413491</v>
      </c>
      <c r="E29" s="33">
        <v>44854</v>
      </c>
      <c r="F29" s="26">
        <v>5446</v>
      </c>
      <c r="G29" s="26">
        <v>0</v>
      </c>
      <c r="H29" s="33">
        <v>24608</v>
      </c>
      <c r="I29" s="28">
        <v>30054</v>
      </c>
      <c r="J29" s="28">
        <v>2076</v>
      </c>
      <c r="K29" s="33">
        <v>13133</v>
      </c>
      <c r="L29" s="31">
        <v>90117</v>
      </c>
      <c r="M29" s="33">
        <v>8</v>
      </c>
      <c r="N29" s="26">
        <v>865</v>
      </c>
      <c r="O29" s="26">
        <v>873</v>
      </c>
      <c r="R29" s="11"/>
    </row>
    <row r="30" spans="1:18" ht="12" customHeight="1" x14ac:dyDescent="0.15">
      <c r="A30" s="10" t="s">
        <v>41</v>
      </c>
      <c r="B30" s="41">
        <v>3371358</v>
      </c>
      <c r="C30" s="26">
        <v>1149595</v>
      </c>
      <c r="D30" s="28">
        <v>4520953</v>
      </c>
      <c r="E30" s="33">
        <v>28040</v>
      </c>
      <c r="F30" s="26">
        <v>2321</v>
      </c>
      <c r="G30" s="26">
        <v>7</v>
      </c>
      <c r="H30" s="33">
        <v>16160</v>
      </c>
      <c r="I30" s="28">
        <v>18488</v>
      </c>
      <c r="J30" s="28">
        <v>773</v>
      </c>
      <c r="K30" s="33">
        <v>9547</v>
      </c>
      <c r="L30" s="31">
        <v>56848</v>
      </c>
      <c r="M30" s="41">
        <v>11</v>
      </c>
      <c r="N30" s="26">
        <v>15149</v>
      </c>
      <c r="O30" s="26">
        <v>15160</v>
      </c>
      <c r="R30" s="11"/>
    </row>
    <row r="31" spans="1:18" ht="12" customHeight="1" x14ac:dyDescent="0.15">
      <c r="A31" s="12" t="s">
        <v>42</v>
      </c>
      <c r="B31" s="37">
        <v>2506171</v>
      </c>
      <c r="C31" s="35">
        <v>326103</v>
      </c>
      <c r="D31" s="36">
        <v>2832274</v>
      </c>
      <c r="E31" s="37">
        <v>24297</v>
      </c>
      <c r="F31" s="35">
        <v>1125</v>
      </c>
      <c r="G31" s="35">
        <v>2</v>
      </c>
      <c r="H31" s="37">
        <v>14164</v>
      </c>
      <c r="I31" s="36">
        <v>15291</v>
      </c>
      <c r="J31" s="36">
        <v>3134</v>
      </c>
      <c r="K31" s="37">
        <v>8078</v>
      </c>
      <c r="L31" s="38">
        <v>50800</v>
      </c>
      <c r="M31" s="37">
        <v>378</v>
      </c>
      <c r="N31" s="35">
        <v>5683</v>
      </c>
      <c r="O31" s="35">
        <v>6061</v>
      </c>
      <c r="R31" s="11"/>
    </row>
    <row r="32" spans="1:18" ht="12" customHeight="1" x14ac:dyDescent="0.15">
      <c r="A32" s="10" t="s">
        <v>43</v>
      </c>
      <c r="B32" s="25">
        <v>2518644</v>
      </c>
      <c r="C32" s="26">
        <v>613109</v>
      </c>
      <c r="D32" s="28">
        <v>3131753</v>
      </c>
      <c r="E32" s="25">
        <v>42890</v>
      </c>
      <c r="F32" s="26">
        <v>3190</v>
      </c>
      <c r="G32" s="26">
        <v>0</v>
      </c>
      <c r="H32" s="25">
        <v>20599</v>
      </c>
      <c r="I32" s="28">
        <v>23789</v>
      </c>
      <c r="J32" s="28">
        <v>0</v>
      </c>
      <c r="K32" s="25">
        <v>13350</v>
      </c>
      <c r="L32" s="31">
        <v>80029</v>
      </c>
      <c r="M32" s="25">
        <v>0</v>
      </c>
      <c r="N32" s="26">
        <v>1023</v>
      </c>
      <c r="O32" s="26">
        <v>1023</v>
      </c>
      <c r="R32" s="11"/>
    </row>
    <row r="33" spans="1:18" ht="12" customHeight="1" x14ac:dyDescent="0.15">
      <c r="A33" s="10" t="s">
        <v>44</v>
      </c>
      <c r="B33" s="25">
        <v>1567307</v>
      </c>
      <c r="C33" s="26">
        <v>404284</v>
      </c>
      <c r="D33" s="28">
        <v>1971591</v>
      </c>
      <c r="E33" s="25">
        <v>25504</v>
      </c>
      <c r="F33" s="26">
        <v>2908</v>
      </c>
      <c r="G33" s="26">
        <v>0</v>
      </c>
      <c r="H33" s="25">
        <v>13234</v>
      </c>
      <c r="I33" s="28">
        <v>16142</v>
      </c>
      <c r="J33" s="28">
        <v>1579</v>
      </c>
      <c r="K33" s="25">
        <v>8623</v>
      </c>
      <c r="L33" s="31">
        <v>51848</v>
      </c>
      <c r="M33" s="25">
        <v>64</v>
      </c>
      <c r="N33" s="26">
        <v>6469</v>
      </c>
      <c r="O33" s="26">
        <v>6533</v>
      </c>
      <c r="R33" s="11"/>
    </row>
    <row r="34" spans="1:18" ht="12" customHeight="1" x14ac:dyDescent="0.15">
      <c r="A34" s="10" t="s">
        <v>45</v>
      </c>
      <c r="B34" s="25">
        <v>1615075</v>
      </c>
      <c r="C34" s="26">
        <v>325174</v>
      </c>
      <c r="D34" s="28">
        <v>1940249</v>
      </c>
      <c r="E34" s="25">
        <v>30482</v>
      </c>
      <c r="F34" s="26">
        <v>2317</v>
      </c>
      <c r="G34" s="26">
        <v>0</v>
      </c>
      <c r="H34" s="25">
        <v>2904</v>
      </c>
      <c r="I34" s="28">
        <v>5221</v>
      </c>
      <c r="J34" s="28">
        <v>984</v>
      </c>
      <c r="K34" s="25">
        <v>9666</v>
      </c>
      <c r="L34" s="31">
        <v>46353</v>
      </c>
      <c r="M34" s="25">
        <v>26</v>
      </c>
      <c r="N34" s="26">
        <v>407</v>
      </c>
      <c r="O34" s="26">
        <v>433</v>
      </c>
      <c r="R34" s="11"/>
    </row>
    <row r="35" spans="1:18" ht="12" customHeight="1" x14ac:dyDescent="0.15">
      <c r="A35" s="10" t="s">
        <v>46</v>
      </c>
      <c r="B35" s="41">
        <v>3177699</v>
      </c>
      <c r="C35" s="26">
        <v>757349</v>
      </c>
      <c r="D35" s="28">
        <v>3935048</v>
      </c>
      <c r="E35" s="33">
        <v>35626</v>
      </c>
      <c r="F35" s="26">
        <v>1106</v>
      </c>
      <c r="G35" s="26">
        <v>6</v>
      </c>
      <c r="H35" s="33">
        <v>3980</v>
      </c>
      <c r="I35" s="28">
        <v>5092</v>
      </c>
      <c r="J35" s="28">
        <v>2800</v>
      </c>
      <c r="K35" s="33">
        <v>11948</v>
      </c>
      <c r="L35" s="31">
        <v>55466</v>
      </c>
      <c r="M35" s="41">
        <v>31</v>
      </c>
      <c r="N35" s="26">
        <v>12900</v>
      </c>
      <c r="O35" s="26">
        <v>12931</v>
      </c>
      <c r="R35" s="11"/>
    </row>
    <row r="36" spans="1:18" ht="12" customHeight="1" x14ac:dyDescent="0.15">
      <c r="A36" s="12" t="s">
        <v>47</v>
      </c>
      <c r="B36" s="37">
        <v>5781943</v>
      </c>
      <c r="C36" s="35">
        <v>417226</v>
      </c>
      <c r="D36" s="36">
        <v>6199169</v>
      </c>
      <c r="E36" s="37">
        <v>65643</v>
      </c>
      <c r="F36" s="35">
        <v>3787</v>
      </c>
      <c r="G36" s="35">
        <v>35</v>
      </c>
      <c r="H36" s="37">
        <v>32269</v>
      </c>
      <c r="I36" s="36">
        <v>36091</v>
      </c>
      <c r="J36" s="36">
        <v>17425</v>
      </c>
      <c r="K36" s="37">
        <v>5965</v>
      </c>
      <c r="L36" s="38">
        <v>125124</v>
      </c>
      <c r="M36" s="37">
        <v>381</v>
      </c>
      <c r="N36" s="35">
        <v>15233</v>
      </c>
      <c r="O36" s="35">
        <v>15614</v>
      </c>
      <c r="R36" s="11"/>
    </row>
    <row r="37" spans="1:18" ht="12" customHeight="1" x14ac:dyDescent="0.15">
      <c r="A37" s="13" t="s">
        <v>48</v>
      </c>
      <c r="B37" s="42">
        <v>884534</v>
      </c>
      <c r="C37" s="43">
        <v>217298</v>
      </c>
      <c r="D37" s="39">
        <v>1101832</v>
      </c>
      <c r="E37" s="42">
        <v>15826</v>
      </c>
      <c r="F37" s="43">
        <v>485</v>
      </c>
      <c r="G37" s="43">
        <v>0</v>
      </c>
      <c r="H37" s="42">
        <v>6711</v>
      </c>
      <c r="I37" s="39">
        <v>7196</v>
      </c>
      <c r="J37" s="39">
        <v>0</v>
      </c>
      <c r="K37" s="42">
        <v>4540</v>
      </c>
      <c r="L37" s="44">
        <v>27562</v>
      </c>
      <c r="M37" s="42">
        <v>11</v>
      </c>
      <c r="N37" s="43">
        <v>4340</v>
      </c>
      <c r="O37" s="43">
        <v>4351</v>
      </c>
      <c r="R37" s="11"/>
    </row>
    <row r="38" spans="1:18" ht="12" customHeight="1" x14ac:dyDescent="0.15">
      <c r="A38" s="10" t="s">
        <v>49</v>
      </c>
      <c r="B38" s="41">
        <v>3566153</v>
      </c>
      <c r="C38" s="26">
        <v>768895</v>
      </c>
      <c r="D38" s="28">
        <v>4335048</v>
      </c>
      <c r="E38" s="33">
        <v>48828</v>
      </c>
      <c r="F38" s="26">
        <v>4411</v>
      </c>
      <c r="G38" s="26">
        <v>0</v>
      </c>
      <c r="H38" s="33">
        <v>22398</v>
      </c>
      <c r="I38" s="28">
        <v>26809</v>
      </c>
      <c r="J38" s="28">
        <v>2169</v>
      </c>
      <c r="K38" s="33">
        <v>14406</v>
      </c>
      <c r="L38" s="31">
        <v>92212</v>
      </c>
      <c r="M38" s="41">
        <v>36</v>
      </c>
      <c r="N38" s="26">
        <v>22407</v>
      </c>
      <c r="O38" s="26">
        <v>22443</v>
      </c>
      <c r="R38" s="11"/>
    </row>
    <row r="39" spans="1:18" ht="12" customHeight="1" x14ac:dyDescent="0.15">
      <c r="A39" s="10" t="s">
        <v>50</v>
      </c>
      <c r="B39" s="33">
        <v>7370052</v>
      </c>
      <c r="C39" s="26">
        <v>1224376</v>
      </c>
      <c r="D39" s="28">
        <v>8594428</v>
      </c>
      <c r="E39" s="33">
        <v>71706</v>
      </c>
      <c r="F39" s="26">
        <v>7486</v>
      </c>
      <c r="G39" s="26">
        <v>1</v>
      </c>
      <c r="H39" s="33">
        <v>31210</v>
      </c>
      <c r="I39" s="28">
        <v>38697</v>
      </c>
      <c r="J39" s="28">
        <v>1136</v>
      </c>
      <c r="K39" s="33">
        <v>31640</v>
      </c>
      <c r="L39" s="31">
        <v>143179</v>
      </c>
      <c r="M39" s="33">
        <v>4</v>
      </c>
      <c r="N39" s="26">
        <v>985</v>
      </c>
      <c r="O39" s="26">
        <v>989</v>
      </c>
      <c r="R39" s="11"/>
    </row>
    <row r="40" spans="1:18" ht="12" customHeight="1" x14ac:dyDescent="0.15">
      <c r="A40" s="14" t="s">
        <v>51</v>
      </c>
      <c r="B40" s="45">
        <v>1301577</v>
      </c>
      <c r="C40" s="46">
        <v>99547</v>
      </c>
      <c r="D40" s="47">
        <v>1401124</v>
      </c>
      <c r="E40" s="48">
        <v>18298</v>
      </c>
      <c r="F40" s="46">
        <v>264</v>
      </c>
      <c r="G40" s="46">
        <v>0</v>
      </c>
      <c r="H40" s="48">
        <v>13656</v>
      </c>
      <c r="I40" s="47">
        <v>13920</v>
      </c>
      <c r="J40" s="47">
        <v>0</v>
      </c>
      <c r="K40" s="48">
        <v>5611</v>
      </c>
      <c r="L40" s="49">
        <v>37829</v>
      </c>
      <c r="M40" s="45">
        <v>0</v>
      </c>
      <c r="N40" s="46">
        <v>4544</v>
      </c>
      <c r="O40" s="46">
        <v>4544</v>
      </c>
      <c r="R40" s="11"/>
    </row>
    <row r="41" spans="1:18" ht="19.5" customHeight="1" x14ac:dyDescent="0.2">
      <c r="A41" s="15" t="s">
        <v>52</v>
      </c>
      <c r="B41" s="50">
        <v>1869810944</v>
      </c>
      <c r="C41" s="50">
        <v>309644536</v>
      </c>
      <c r="D41" s="50">
        <v>2179455480</v>
      </c>
      <c r="E41" s="50">
        <v>10745343</v>
      </c>
      <c r="F41" s="50">
        <v>760442</v>
      </c>
      <c r="G41" s="50">
        <v>5134</v>
      </c>
      <c r="H41" s="50">
        <v>6840488</v>
      </c>
      <c r="I41" s="50">
        <v>7606064</v>
      </c>
      <c r="J41" s="50">
        <v>640292</v>
      </c>
      <c r="K41" s="50">
        <v>3760553</v>
      </c>
      <c r="L41" s="50">
        <v>22752252</v>
      </c>
      <c r="M41" s="50">
        <v>16631</v>
      </c>
      <c r="N41" s="50">
        <v>5746663</v>
      </c>
      <c r="O41" s="47">
        <v>5763294</v>
      </c>
      <c r="R41" s="11"/>
    </row>
    <row r="42" spans="1:18" ht="12" customHeight="1" x14ac:dyDescent="0.2">
      <c r="A42" s="16" t="s">
        <v>70</v>
      </c>
    </row>
    <row r="43" spans="1:18" ht="12" customHeight="1" x14ac:dyDescent="0.2"/>
    <row r="44" spans="1:18" ht="12" customHeight="1" x14ac:dyDescent="0.2"/>
    <row r="45" spans="1:18" ht="12" customHeight="1" x14ac:dyDescent="0.2"/>
  </sheetData>
  <mergeCells count="15">
    <mergeCell ref="B4:D4"/>
    <mergeCell ref="E4:O4"/>
    <mergeCell ref="E6:E7"/>
    <mergeCell ref="F6:I6"/>
    <mergeCell ref="E5:L5"/>
    <mergeCell ref="K6:K7"/>
    <mergeCell ref="L6:L7"/>
    <mergeCell ref="M5:O5"/>
    <mergeCell ref="M6:M7"/>
    <mergeCell ref="O6:O7"/>
    <mergeCell ref="B5:B7"/>
    <mergeCell ref="C5:C7"/>
    <mergeCell ref="D5:D7"/>
    <mergeCell ref="N6:N7"/>
    <mergeCell ref="J6:J7"/>
  </mergeCells>
  <phoneticPr fontId="2"/>
  <pageMargins left="0.78740157480314965" right="0.78740157480314965" top="0.78740157480314965" bottom="0.78740157480314965" header="0.51181102362204722" footer="0.31496062992125984"/>
  <pageSetup paperSize="9" scale="94" firstPageNumber="189" orientation="landscape" blackAndWhite="1" useFirstPageNumber="1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43"/>
  <sheetViews>
    <sheetView zoomScaleNormal="100" workbookViewId="0">
      <pane xSplit="1" ySplit="5" topLeftCell="B24" activePane="bottomRight" state="frozen"/>
      <selection pane="topRight"/>
      <selection pane="bottomLeft"/>
      <selection pane="bottomRight" activeCell="S18" sqref="S18"/>
    </sheetView>
  </sheetViews>
  <sheetFormatPr defaultColWidth="12.6640625" defaultRowHeight="11.1" customHeight="1" x14ac:dyDescent="0.2"/>
  <cols>
    <col min="1" max="1" width="10.88671875" style="2" customWidth="1"/>
    <col min="2" max="2" width="7.21875" style="2" bestFit="1" customWidth="1"/>
    <col min="3" max="4" width="6.21875" style="2" bestFit="1" customWidth="1"/>
    <col min="5" max="5" width="5.44140625" style="2" bestFit="1" customWidth="1"/>
    <col min="6" max="7" width="7.21875" style="2" bestFit="1" customWidth="1"/>
    <col min="8" max="8" width="8" style="2" bestFit="1" customWidth="1"/>
    <col min="9" max="9" width="8.77734375" style="2" bestFit="1" customWidth="1"/>
    <col min="10" max="10" width="7.6640625" style="2" customWidth="1"/>
    <col min="11" max="11" width="8.88671875" style="2" customWidth="1"/>
    <col min="12" max="12" width="8" style="2" bestFit="1" customWidth="1"/>
    <col min="13" max="14" width="5.77734375" style="2" customWidth="1"/>
    <col min="15" max="16" width="5.6640625" style="2" customWidth="1"/>
    <col min="17" max="16384" width="12.6640625" style="2"/>
  </cols>
  <sheetData>
    <row r="1" spans="1:19" ht="12" customHeight="1" x14ac:dyDescent="0.2">
      <c r="B1" s="3"/>
      <c r="C1" s="3"/>
      <c r="D1" s="3"/>
      <c r="E1" s="3"/>
      <c r="F1" s="3"/>
      <c r="G1" s="3"/>
      <c r="H1" s="4"/>
      <c r="I1" s="3"/>
      <c r="J1" s="3"/>
      <c r="K1" s="3"/>
      <c r="L1" s="4" t="s">
        <v>0</v>
      </c>
      <c r="M1" s="3"/>
      <c r="N1" s="3"/>
      <c r="O1" s="3"/>
      <c r="Q1" s="3"/>
      <c r="R1" s="3"/>
      <c r="S1" s="3"/>
    </row>
    <row r="2" spans="1:19" ht="12" customHeight="1" x14ac:dyDescent="0.2">
      <c r="A2" s="6" t="s">
        <v>1</v>
      </c>
      <c r="B2" s="65" t="s">
        <v>53</v>
      </c>
      <c r="C2" s="66"/>
      <c r="D2" s="66"/>
      <c r="E2" s="66"/>
      <c r="F2" s="66"/>
      <c r="G2" s="66"/>
      <c r="H2" s="67"/>
      <c r="I2" s="85" t="s">
        <v>54</v>
      </c>
      <c r="J2" s="85"/>
      <c r="K2" s="85"/>
      <c r="L2" s="91" t="s">
        <v>55</v>
      </c>
      <c r="M2" s="82" t="s">
        <v>56</v>
      </c>
      <c r="N2" s="73"/>
      <c r="O2" s="85" t="s">
        <v>57</v>
      </c>
      <c r="P2" s="85"/>
      <c r="Q2" s="3"/>
      <c r="R2" s="3"/>
      <c r="S2" s="3"/>
    </row>
    <row r="3" spans="1:19" ht="12" customHeight="1" x14ac:dyDescent="0.2">
      <c r="A3" s="7"/>
      <c r="B3" s="71" t="s">
        <v>58</v>
      </c>
      <c r="C3" s="97"/>
      <c r="D3" s="97"/>
      <c r="E3" s="97"/>
      <c r="F3" s="98"/>
      <c r="G3" s="77" t="s">
        <v>11</v>
      </c>
      <c r="H3" s="75" t="s">
        <v>59</v>
      </c>
      <c r="I3" s="86" t="s">
        <v>60</v>
      </c>
      <c r="J3" s="88" t="s">
        <v>61</v>
      </c>
      <c r="K3" s="80" t="s">
        <v>62</v>
      </c>
      <c r="L3" s="92"/>
      <c r="M3" s="83"/>
      <c r="N3" s="84"/>
      <c r="O3" s="80" t="s">
        <v>63</v>
      </c>
      <c r="P3" s="91" t="s">
        <v>72</v>
      </c>
      <c r="Q3" s="3"/>
      <c r="R3" s="3"/>
      <c r="S3" s="3"/>
    </row>
    <row r="4" spans="1:19" ht="12" customHeight="1" x14ac:dyDescent="0.2">
      <c r="A4" s="7"/>
      <c r="B4" s="93" t="s">
        <v>64</v>
      </c>
      <c r="C4" s="88" t="s">
        <v>65</v>
      </c>
      <c r="D4" s="93" t="s">
        <v>66</v>
      </c>
      <c r="E4" s="77" t="s">
        <v>11</v>
      </c>
      <c r="F4" s="95" t="s">
        <v>14</v>
      </c>
      <c r="G4" s="99"/>
      <c r="H4" s="100"/>
      <c r="I4" s="87"/>
      <c r="J4" s="89"/>
      <c r="K4" s="70"/>
      <c r="L4" s="92"/>
      <c r="M4" s="80" t="s">
        <v>67</v>
      </c>
      <c r="N4" s="70" t="s">
        <v>68</v>
      </c>
      <c r="O4" s="70"/>
      <c r="P4" s="91"/>
      <c r="Q4" s="3"/>
      <c r="R4" s="3"/>
      <c r="S4" s="3"/>
    </row>
    <row r="5" spans="1:19" ht="12" customHeight="1" x14ac:dyDescent="0.2">
      <c r="A5" s="8" t="s">
        <v>15</v>
      </c>
      <c r="B5" s="94"/>
      <c r="C5" s="94"/>
      <c r="D5" s="94"/>
      <c r="E5" s="78"/>
      <c r="F5" s="96"/>
      <c r="G5" s="78"/>
      <c r="H5" s="76"/>
      <c r="I5" s="87"/>
      <c r="J5" s="90"/>
      <c r="K5" s="70"/>
      <c r="L5" s="92"/>
      <c r="M5" s="70"/>
      <c r="N5" s="70"/>
      <c r="O5" s="70"/>
      <c r="P5" s="91"/>
      <c r="Q5" s="3"/>
      <c r="R5" s="3"/>
      <c r="S5" s="3"/>
    </row>
    <row r="6" spans="1:19" ht="12" customHeight="1" x14ac:dyDescent="0.2">
      <c r="A6" s="9" t="s">
        <v>19</v>
      </c>
      <c r="B6" s="27">
        <v>0</v>
      </c>
      <c r="C6" s="27">
        <v>0</v>
      </c>
      <c r="D6" s="27">
        <v>1010</v>
      </c>
      <c r="E6" s="27">
        <v>937</v>
      </c>
      <c r="F6" s="27">
        <v>1947</v>
      </c>
      <c r="G6" s="51">
        <v>0</v>
      </c>
      <c r="H6" s="29">
        <v>11136656</v>
      </c>
      <c r="I6" s="51">
        <v>6008220</v>
      </c>
      <c r="J6" s="27">
        <v>0</v>
      </c>
      <c r="K6" s="27">
        <v>6008220</v>
      </c>
      <c r="L6" s="52">
        <v>5128436</v>
      </c>
      <c r="M6" s="18">
        <v>1.2E-2</v>
      </c>
      <c r="N6" s="18">
        <v>6.0000000000000001E-3</v>
      </c>
      <c r="O6" s="27">
        <v>1291</v>
      </c>
      <c r="P6" s="27">
        <v>0</v>
      </c>
    </row>
    <row r="7" spans="1:19" ht="12" customHeight="1" x14ac:dyDescent="0.2">
      <c r="A7" s="10" t="s">
        <v>20</v>
      </c>
      <c r="B7" s="28">
        <v>0</v>
      </c>
      <c r="C7" s="28">
        <v>0</v>
      </c>
      <c r="D7" s="28">
        <v>0</v>
      </c>
      <c r="E7" s="28">
        <v>7820</v>
      </c>
      <c r="F7" s="28">
        <v>7820</v>
      </c>
      <c r="G7" s="51">
        <v>84214</v>
      </c>
      <c r="H7" s="31">
        <v>5823092</v>
      </c>
      <c r="I7" s="51">
        <v>2588686</v>
      </c>
      <c r="J7" s="28">
        <v>0</v>
      </c>
      <c r="K7" s="28">
        <v>2588686</v>
      </c>
      <c r="L7" s="53">
        <v>3234406</v>
      </c>
      <c r="M7" s="19">
        <v>1.4E-2</v>
      </c>
      <c r="N7" s="19">
        <v>8.9999999999999993E-3</v>
      </c>
      <c r="O7" s="28">
        <v>471</v>
      </c>
      <c r="P7" s="28">
        <v>60</v>
      </c>
    </row>
    <row r="8" spans="1:19" ht="12" customHeight="1" x14ac:dyDescent="0.2">
      <c r="A8" s="10" t="s">
        <v>21</v>
      </c>
      <c r="B8" s="28">
        <v>0</v>
      </c>
      <c r="C8" s="28">
        <v>0</v>
      </c>
      <c r="D8" s="28">
        <v>0</v>
      </c>
      <c r="E8" s="28">
        <v>105</v>
      </c>
      <c r="F8" s="28">
        <v>105</v>
      </c>
      <c r="G8" s="51">
        <v>28670</v>
      </c>
      <c r="H8" s="31">
        <v>2112557</v>
      </c>
      <c r="I8" s="51">
        <v>1127184</v>
      </c>
      <c r="J8" s="28">
        <v>0</v>
      </c>
      <c r="K8" s="28">
        <v>1127184</v>
      </c>
      <c r="L8" s="53">
        <v>985373</v>
      </c>
      <c r="M8" s="19">
        <v>1.4999999999999999E-2</v>
      </c>
      <c r="N8" s="19">
        <v>8.0000000000000002E-3</v>
      </c>
      <c r="O8" s="28">
        <v>249</v>
      </c>
      <c r="P8" s="28">
        <v>32</v>
      </c>
      <c r="S8" s="11"/>
    </row>
    <row r="9" spans="1:19" ht="12" customHeight="1" x14ac:dyDescent="0.2">
      <c r="A9" s="9" t="s">
        <v>22</v>
      </c>
      <c r="B9" s="27">
        <v>0</v>
      </c>
      <c r="C9" s="27">
        <v>0</v>
      </c>
      <c r="D9" s="27">
        <v>0</v>
      </c>
      <c r="E9" s="27">
        <v>0</v>
      </c>
      <c r="F9" s="27">
        <v>0</v>
      </c>
      <c r="G9" s="54">
        <v>0</v>
      </c>
      <c r="H9" s="29">
        <v>1346677</v>
      </c>
      <c r="I9" s="54">
        <v>600468</v>
      </c>
      <c r="J9" s="27">
        <v>0</v>
      </c>
      <c r="K9" s="27">
        <v>600468</v>
      </c>
      <c r="L9" s="52">
        <v>746209</v>
      </c>
      <c r="M9" s="18">
        <v>1.9E-2</v>
      </c>
      <c r="N9" s="18">
        <v>1.2999999999999999E-2</v>
      </c>
      <c r="O9" s="27">
        <v>142</v>
      </c>
      <c r="P9" s="27">
        <v>3</v>
      </c>
      <c r="S9" s="11"/>
    </row>
    <row r="10" spans="1:19" ht="12" customHeight="1" x14ac:dyDescent="0.2">
      <c r="A10" s="10" t="s">
        <v>23</v>
      </c>
      <c r="B10" s="28">
        <v>0</v>
      </c>
      <c r="C10" s="28">
        <v>0</v>
      </c>
      <c r="D10" s="28">
        <v>0</v>
      </c>
      <c r="E10" s="28">
        <v>0</v>
      </c>
      <c r="F10" s="28">
        <v>0</v>
      </c>
      <c r="G10" s="51">
        <v>198913</v>
      </c>
      <c r="H10" s="31">
        <v>834902</v>
      </c>
      <c r="I10" s="51">
        <v>390019</v>
      </c>
      <c r="J10" s="28">
        <v>0</v>
      </c>
      <c r="K10" s="28">
        <v>390019</v>
      </c>
      <c r="L10" s="53">
        <v>444883</v>
      </c>
      <c r="M10" s="19">
        <v>1.6E-2</v>
      </c>
      <c r="N10" s="19">
        <v>0.01</v>
      </c>
      <c r="O10" s="28">
        <v>78</v>
      </c>
      <c r="P10" s="28">
        <v>0</v>
      </c>
      <c r="S10" s="11"/>
    </row>
    <row r="11" spans="1:19" ht="12" customHeight="1" x14ac:dyDescent="0.2">
      <c r="A11" s="10" t="s">
        <v>24</v>
      </c>
      <c r="B11" s="28">
        <v>0</v>
      </c>
      <c r="C11" s="28">
        <v>0</v>
      </c>
      <c r="D11" s="28">
        <v>0</v>
      </c>
      <c r="E11" s="28">
        <v>0</v>
      </c>
      <c r="F11" s="28">
        <v>0</v>
      </c>
      <c r="G11" s="51">
        <v>161258</v>
      </c>
      <c r="H11" s="31">
        <v>627873</v>
      </c>
      <c r="I11" s="51">
        <v>307222</v>
      </c>
      <c r="J11" s="28">
        <v>0</v>
      </c>
      <c r="K11" s="28">
        <v>307222</v>
      </c>
      <c r="L11" s="53">
        <v>320651</v>
      </c>
      <c r="M11" s="19">
        <v>1.2999999999999999E-2</v>
      </c>
      <c r="N11" s="19">
        <v>8.9999999999999993E-3</v>
      </c>
      <c r="O11" s="28">
        <v>67</v>
      </c>
      <c r="P11" s="28">
        <v>16</v>
      </c>
      <c r="S11" s="11"/>
    </row>
    <row r="12" spans="1:19" ht="12" customHeight="1" x14ac:dyDescent="0.2">
      <c r="A12" s="10" t="s">
        <v>25</v>
      </c>
      <c r="B12" s="28">
        <v>0</v>
      </c>
      <c r="C12" s="28">
        <v>0</v>
      </c>
      <c r="D12" s="28">
        <v>0</v>
      </c>
      <c r="E12" s="28">
        <v>594</v>
      </c>
      <c r="F12" s="28">
        <v>594</v>
      </c>
      <c r="G12" s="51">
        <v>0</v>
      </c>
      <c r="H12" s="31">
        <v>886923</v>
      </c>
      <c r="I12" s="51">
        <v>681178</v>
      </c>
      <c r="J12" s="28">
        <v>0</v>
      </c>
      <c r="K12" s="28">
        <v>681178</v>
      </c>
      <c r="L12" s="53">
        <v>205745</v>
      </c>
      <c r="M12" s="19">
        <v>8.9999999999999993E-3</v>
      </c>
      <c r="N12" s="19">
        <v>3.0000000000000001E-3</v>
      </c>
      <c r="O12" s="28">
        <v>134</v>
      </c>
      <c r="P12" s="28">
        <v>0</v>
      </c>
      <c r="S12" s="11"/>
    </row>
    <row r="13" spans="1:19" ht="12" customHeight="1" x14ac:dyDescent="0.2">
      <c r="A13" s="10" t="s">
        <v>26</v>
      </c>
      <c r="B13" s="28">
        <v>0</v>
      </c>
      <c r="C13" s="28">
        <v>0</v>
      </c>
      <c r="D13" s="28">
        <v>0</v>
      </c>
      <c r="E13" s="28">
        <v>25</v>
      </c>
      <c r="F13" s="28">
        <v>25</v>
      </c>
      <c r="G13" s="51">
        <v>31140</v>
      </c>
      <c r="H13" s="31">
        <v>670207</v>
      </c>
      <c r="I13" s="51">
        <v>318874</v>
      </c>
      <c r="J13" s="28">
        <v>0</v>
      </c>
      <c r="K13" s="28">
        <v>318874</v>
      </c>
      <c r="L13" s="53">
        <v>351333</v>
      </c>
      <c r="M13" s="19">
        <v>1.7000000000000001E-2</v>
      </c>
      <c r="N13" s="19">
        <v>1.0999999999999999E-2</v>
      </c>
      <c r="O13" s="28">
        <v>71</v>
      </c>
      <c r="P13" s="28">
        <v>14</v>
      </c>
      <c r="S13" s="11"/>
    </row>
    <row r="14" spans="1:19" ht="12" customHeight="1" x14ac:dyDescent="0.2">
      <c r="A14" s="12" t="s">
        <v>27</v>
      </c>
      <c r="B14" s="36">
        <v>0</v>
      </c>
      <c r="C14" s="36">
        <v>0</v>
      </c>
      <c r="D14" s="36">
        <v>0</v>
      </c>
      <c r="E14" s="36">
        <v>0</v>
      </c>
      <c r="F14" s="36">
        <v>0</v>
      </c>
      <c r="G14" s="55">
        <v>226113</v>
      </c>
      <c r="H14" s="38">
        <v>766103</v>
      </c>
      <c r="I14" s="56">
        <v>371414</v>
      </c>
      <c r="J14" s="36">
        <v>0</v>
      </c>
      <c r="K14" s="36">
        <v>371414</v>
      </c>
      <c r="L14" s="53">
        <v>394689</v>
      </c>
      <c r="M14" s="19">
        <v>1.6E-2</v>
      </c>
      <c r="N14" s="19">
        <v>1.0999999999999999E-2</v>
      </c>
      <c r="O14" s="36">
        <v>69</v>
      </c>
      <c r="P14" s="36">
        <v>9</v>
      </c>
      <c r="S14" s="11"/>
    </row>
    <row r="15" spans="1:19" ht="12" customHeight="1" x14ac:dyDescent="0.2">
      <c r="A15" s="13" t="s">
        <v>28</v>
      </c>
      <c r="B15" s="28">
        <v>0</v>
      </c>
      <c r="C15" s="28">
        <v>0</v>
      </c>
      <c r="D15" s="28">
        <v>0</v>
      </c>
      <c r="E15" s="28">
        <v>0</v>
      </c>
      <c r="F15" s="28">
        <v>0</v>
      </c>
      <c r="G15" s="51">
        <v>591</v>
      </c>
      <c r="H15" s="31">
        <v>233180</v>
      </c>
      <c r="I15" s="51">
        <v>90248</v>
      </c>
      <c r="J15" s="28">
        <v>0</v>
      </c>
      <c r="K15" s="28">
        <v>90248</v>
      </c>
      <c r="L15" s="57">
        <v>142932</v>
      </c>
      <c r="M15" s="20">
        <v>1.7999999999999999E-2</v>
      </c>
      <c r="N15" s="20">
        <v>1.4999999999999999E-2</v>
      </c>
      <c r="O15" s="28">
        <v>23</v>
      </c>
      <c r="P15" s="28">
        <v>4</v>
      </c>
      <c r="S15" s="11"/>
    </row>
    <row r="16" spans="1:19" ht="12" customHeight="1" x14ac:dyDescent="0.2">
      <c r="A16" s="10" t="s">
        <v>29</v>
      </c>
      <c r="B16" s="28">
        <v>0</v>
      </c>
      <c r="C16" s="28">
        <v>0</v>
      </c>
      <c r="D16" s="28">
        <v>0</v>
      </c>
      <c r="E16" s="28">
        <v>13</v>
      </c>
      <c r="F16" s="28">
        <v>13</v>
      </c>
      <c r="G16" s="51">
        <v>1743</v>
      </c>
      <c r="H16" s="31">
        <v>155904</v>
      </c>
      <c r="I16" s="51">
        <v>64029</v>
      </c>
      <c r="J16" s="28">
        <v>0</v>
      </c>
      <c r="K16" s="28">
        <v>64029</v>
      </c>
      <c r="L16" s="53">
        <v>91875</v>
      </c>
      <c r="M16" s="19">
        <v>2.3E-2</v>
      </c>
      <c r="N16" s="19">
        <v>1.7000000000000001E-2</v>
      </c>
      <c r="O16" s="28">
        <v>18</v>
      </c>
      <c r="P16" s="28">
        <v>0</v>
      </c>
      <c r="S16" s="11"/>
    </row>
    <row r="17" spans="1:19" ht="12" customHeight="1" x14ac:dyDescent="0.2">
      <c r="A17" s="10" t="s">
        <v>30</v>
      </c>
      <c r="B17" s="28">
        <v>0</v>
      </c>
      <c r="C17" s="28">
        <v>0</v>
      </c>
      <c r="D17" s="28">
        <v>0</v>
      </c>
      <c r="E17" s="28">
        <v>0</v>
      </c>
      <c r="F17" s="28">
        <v>0</v>
      </c>
      <c r="G17" s="51">
        <v>180933</v>
      </c>
      <c r="H17" s="31">
        <v>456414</v>
      </c>
      <c r="I17" s="51">
        <v>244219</v>
      </c>
      <c r="J17" s="28">
        <v>0</v>
      </c>
      <c r="K17" s="28">
        <v>244219</v>
      </c>
      <c r="L17" s="53">
        <v>212195</v>
      </c>
      <c r="M17" s="19">
        <v>1.6E-2</v>
      </c>
      <c r="N17" s="19">
        <v>0.01</v>
      </c>
      <c r="O17" s="28">
        <v>48</v>
      </c>
      <c r="P17" s="28">
        <v>4</v>
      </c>
      <c r="S17" s="11"/>
    </row>
    <row r="18" spans="1:19" ht="12" customHeight="1" x14ac:dyDescent="0.2">
      <c r="A18" s="10" t="s">
        <v>31</v>
      </c>
      <c r="B18" s="28">
        <v>0</v>
      </c>
      <c r="C18" s="28">
        <v>99</v>
      </c>
      <c r="D18" s="28">
        <v>0</v>
      </c>
      <c r="E18" s="28">
        <v>0</v>
      </c>
      <c r="F18" s="28">
        <v>99</v>
      </c>
      <c r="G18" s="51">
        <v>29132</v>
      </c>
      <c r="H18" s="31">
        <v>768575</v>
      </c>
      <c r="I18" s="51">
        <v>354627</v>
      </c>
      <c r="J18" s="28">
        <v>0</v>
      </c>
      <c r="K18" s="28">
        <v>354627</v>
      </c>
      <c r="L18" s="53">
        <v>413948</v>
      </c>
      <c r="M18" s="19">
        <v>1.4E-2</v>
      </c>
      <c r="N18" s="19">
        <v>8.9999999999999993E-3</v>
      </c>
      <c r="O18" s="28">
        <v>80</v>
      </c>
      <c r="P18" s="28">
        <v>0</v>
      </c>
      <c r="S18" s="11"/>
    </row>
    <row r="19" spans="1:19" ht="12" customHeight="1" x14ac:dyDescent="0.2">
      <c r="A19" s="12" t="s">
        <v>32</v>
      </c>
      <c r="B19" s="36">
        <v>0</v>
      </c>
      <c r="C19" s="36">
        <v>0</v>
      </c>
      <c r="D19" s="36">
        <v>0</v>
      </c>
      <c r="E19" s="36">
        <v>0</v>
      </c>
      <c r="F19" s="36">
        <v>0</v>
      </c>
      <c r="G19" s="55">
        <v>7901</v>
      </c>
      <c r="H19" s="38">
        <v>634087</v>
      </c>
      <c r="I19" s="56">
        <v>412154</v>
      </c>
      <c r="J19" s="36">
        <v>0</v>
      </c>
      <c r="K19" s="36">
        <v>412154</v>
      </c>
      <c r="L19" s="58">
        <v>221933</v>
      </c>
      <c r="M19" s="21">
        <v>1.2999999999999999E-2</v>
      </c>
      <c r="N19" s="21">
        <v>6.0000000000000001E-3</v>
      </c>
      <c r="O19" s="36">
        <v>73</v>
      </c>
      <c r="P19" s="36">
        <v>10</v>
      </c>
      <c r="S19" s="11"/>
    </row>
    <row r="20" spans="1:19" ht="12" customHeight="1" x14ac:dyDescent="0.2">
      <c r="A20" s="13" t="s">
        <v>33</v>
      </c>
      <c r="B20" s="28">
        <v>0</v>
      </c>
      <c r="C20" s="28">
        <v>0</v>
      </c>
      <c r="D20" s="28">
        <v>0</v>
      </c>
      <c r="E20" s="28">
        <v>0</v>
      </c>
      <c r="F20" s="28">
        <v>0</v>
      </c>
      <c r="G20" s="51">
        <v>4648</v>
      </c>
      <c r="H20" s="31">
        <v>440828</v>
      </c>
      <c r="I20" s="51">
        <v>161134</v>
      </c>
      <c r="J20" s="28">
        <v>0</v>
      </c>
      <c r="K20" s="28">
        <v>161134</v>
      </c>
      <c r="L20" s="53">
        <v>279694</v>
      </c>
      <c r="M20" s="19">
        <v>2.1000000000000001E-2</v>
      </c>
      <c r="N20" s="19">
        <v>1.7000000000000001E-2</v>
      </c>
      <c r="O20" s="28">
        <v>37</v>
      </c>
      <c r="P20" s="28">
        <v>5</v>
      </c>
      <c r="S20" s="11"/>
    </row>
    <row r="21" spans="1:19" ht="12" customHeight="1" x14ac:dyDescent="0.2">
      <c r="A21" s="10" t="s">
        <v>34</v>
      </c>
      <c r="B21" s="28">
        <v>0</v>
      </c>
      <c r="C21" s="28">
        <v>0</v>
      </c>
      <c r="D21" s="28">
        <v>0</v>
      </c>
      <c r="E21" s="28">
        <v>0</v>
      </c>
      <c r="F21" s="28">
        <v>0</v>
      </c>
      <c r="G21" s="51">
        <v>4506</v>
      </c>
      <c r="H21" s="31">
        <v>581271</v>
      </c>
      <c r="I21" s="51">
        <v>243080</v>
      </c>
      <c r="J21" s="28">
        <v>0</v>
      </c>
      <c r="K21" s="28">
        <v>243080</v>
      </c>
      <c r="L21" s="53">
        <v>338191</v>
      </c>
      <c r="M21" s="19">
        <v>1.9E-2</v>
      </c>
      <c r="N21" s="19">
        <v>1.4E-2</v>
      </c>
      <c r="O21" s="28">
        <v>43</v>
      </c>
      <c r="P21" s="28">
        <v>0</v>
      </c>
      <c r="S21" s="11"/>
    </row>
    <row r="22" spans="1:19" ht="12" customHeight="1" x14ac:dyDescent="0.2">
      <c r="A22" s="10" t="s">
        <v>35</v>
      </c>
      <c r="B22" s="28">
        <v>0</v>
      </c>
      <c r="C22" s="28">
        <v>0</v>
      </c>
      <c r="D22" s="28">
        <v>0</v>
      </c>
      <c r="E22" s="28">
        <v>0</v>
      </c>
      <c r="F22" s="28">
        <v>0</v>
      </c>
      <c r="G22" s="51">
        <v>32296</v>
      </c>
      <c r="H22" s="31">
        <v>437501</v>
      </c>
      <c r="I22" s="51">
        <v>238792</v>
      </c>
      <c r="J22" s="28">
        <v>0</v>
      </c>
      <c r="K22" s="28">
        <v>238792</v>
      </c>
      <c r="L22" s="53">
        <v>198709</v>
      </c>
      <c r="M22" s="19">
        <v>1.7999999999999999E-2</v>
      </c>
      <c r="N22" s="19">
        <v>0.01</v>
      </c>
      <c r="O22" s="28">
        <v>41</v>
      </c>
      <c r="P22" s="28">
        <v>13</v>
      </c>
      <c r="S22" s="11"/>
    </row>
    <row r="23" spans="1:19" ht="12" customHeight="1" x14ac:dyDescent="0.2">
      <c r="A23" s="10" t="s">
        <v>36</v>
      </c>
      <c r="B23" s="28">
        <v>0</v>
      </c>
      <c r="C23" s="28">
        <v>0</v>
      </c>
      <c r="D23" s="28">
        <v>0</v>
      </c>
      <c r="E23" s="28">
        <v>27</v>
      </c>
      <c r="F23" s="28">
        <v>27</v>
      </c>
      <c r="G23" s="51">
        <v>0</v>
      </c>
      <c r="H23" s="31">
        <v>165954</v>
      </c>
      <c r="I23" s="51">
        <v>70800</v>
      </c>
      <c r="J23" s="28">
        <v>0</v>
      </c>
      <c r="K23" s="28">
        <v>70800</v>
      </c>
      <c r="L23" s="53">
        <v>95154</v>
      </c>
      <c r="M23" s="19">
        <v>0.02</v>
      </c>
      <c r="N23" s="19">
        <v>1.4E-2</v>
      </c>
      <c r="O23" s="28">
        <v>19</v>
      </c>
      <c r="P23" s="28">
        <v>1</v>
      </c>
      <c r="S23" s="11"/>
    </row>
    <row r="24" spans="1:19" ht="12" customHeight="1" x14ac:dyDescent="0.2">
      <c r="A24" s="14" t="s">
        <v>37</v>
      </c>
      <c r="B24" s="28">
        <v>0</v>
      </c>
      <c r="C24" s="28">
        <v>0</v>
      </c>
      <c r="D24" s="28">
        <v>0</v>
      </c>
      <c r="E24" s="28">
        <v>0</v>
      </c>
      <c r="F24" s="28">
        <v>0</v>
      </c>
      <c r="G24" s="51">
        <v>0</v>
      </c>
      <c r="H24" s="31">
        <v>226489</v>
      </c>
      <c r="I24" s="51">
        <v>129679</v>
      </c>
      <c r="J24" s="28">
        <v>0</v>
      </c>
      <c r="K24" s="28">
        <v>129679</v>
      </c>
      <c r="L24" s="53">
        <v>96810</v>
      </c>
      <c r="M24" s="22">
        <v>1.4E-2</v>
      </c>
      <c r="N24" s="22">
        <v>7.0000000000000001E-3</v>
      </c>
      <c r="O24" s="28">
        <v>35</v>
      </c>
      <c r="P24" s="28">
        <v>8</v>
      </c>
      <c r="S24" s="11"/>
    </row>
    <row r="25" spans="1:19" ht="12" customHeight="1" x14ac:dyDescent="0.2">
      <c r="A25" s="9" t="s">
        <v>38</v>
      </c>
      <c r="B25" s="27">
        <v>0</v>
      </c>
      <c r="C25" s="27">
        <v>0</v>
      </c>
      <c r="D25" s="27">
        <v>0</v>
      </c>
      <c r="E25" s="27">
        <v>0</v>
      </c>
      <c r="F25" s="27">
        <v>0</v>
      </c>
      <c r="G25" s="54">
        <v>11858</v>
      </c>
      <c r="H25" s="29">
        <v>126423</v>
      </c>
      <c r="I25" s="59">
        <v>57240</v>
      </c>
      <c r="J25" s="27">
        <v>0</v>
      </c>
      <c r="K25" s="27">
        <v>57240</v>
      </c>
      <c r="L25" s="52">
        <v>69183</v>
      </c>
      <c r="M25" s="18">
        <v>1.7000000000000001E-2</v>
      </c>
      <c r="N25" s="18">
        <v>1.2E-2</v>
      </c>
      <c r="O25" s="27">
        <v>14</v>
      </c>
      <c r="P25" s="27">
        <v>4</v>
      </c>
      <c r="S25" s="11"/>
    </row>
    <row r="26" spans="1:19" ht="12" customHeight="1" x14ac:dyDescent="0.2">
      <c r="A26" s="10" t="s">
        <v>39</v>
      </c>
      <c r="B26" s="28">
        <v>0</v>
      </c>
      <c r="C26" s="28">
        <v>0</v>
      </c>
      <c r="D26" s="28">
        <v>0</v>
      </c>
      <c r="E26" s="28">
        <v>0</v>
      </c>
      <c r="F26" s="28">
        <v>0</v>
      </c>
      <c r="G26" s="60">
        <v>43945</v>
      </c>
      <c r="H26" s="31">
        <v>194099</v>
      </c>
      <c r="I26" s="61">
        <v>79242</v>
      </c>
      <c r="J26" s="28">
        <v>0</v>
      </c>
      <c r="K26" s="28">
        <v>79242</v>
      </c>
      <c r="L26" s="53">
        <v>114857</v>
      </c>
      <c r="M26" s="19">
        <v>1.7999999999999999E-2</v>
      </c>
      <c r="N26" s="19">
        <v>1.2999999999999999E-2</v>
      </c>
      <c r="O26" s="28">
        <v>20</v>
      </c>
      <c r="P26" s="28">
        <v>1</v>
      </c>
      <c r="S26" s="11"/>
    </row>
    <row r="27" spans="1:19" ht="12" customHeight="1" x14ac:dyDescent="0.2">
      <c r="A27" s="10" t="s">
        <v>40</v>
      </c>
      <c r="B27" s="28">
        <v>0</v>
      </c>
      <c r="C27" s="28">
        <v>0</v>
      </c>
      <c r="D27" s="28">
        <v>0</v>
      </c>
      <c r="E27" s="28">
        <v>0</v>
      </c>
      <c r="F27" s="28">
        <v>0</v>
      </c>
      <c r="G27" s="60">
        <v>0</v>
      </c>
      <c r="H27" s="31">
        <v>90990</v>
      </c>
      <c r="I27" s="60">
        <v>67699</v>
      </c>
      <c r="J27" s="28">
        <v>0</v>
      </c>
      <c r="K27" s="28">
        <v>67699</v>
      </c>
      <c r="L27" s="53">
        <v>23291</v>
      </c>
      <c r="M27" s="19">
        <v>1.4E-2</v>
      </c>
      <c r="N27" s="19">
        <v>5.0000000000000001E-3</v>
      </c>
      <c r="O27" s="28">
        <v>15</v>
      </c>
      <c r="P27" s="28">
        <v>0</v>
      </c>
      <c r="S27" s="11"/>
    </row>
    <row r="28" spans="1:19" ht="12" customHeight="1" x14ac:dyDescent="0.2">
      <c r="A28" s="10" t="s">
        <v>41</v>
      </c>
      <c r="B28" s="28">
        <v>0</v>
      </c>
      <c r="C28" s="28">
        <v>0</v>
      </c>
      <c r="D28" s="28">
        <v>0</v>
      </c>
      <c r="E28" s="28">
        <v>0</v>
      </c>
      <c r="F28" s="28">
        <v>0</v>
      </c>
      <c r="G28" s="60">
        <v>0</v>
      </c>
      <c r="H28" s="31">
        <v>72008</v>
      </c>
      <c r="I28" s="61">
        <v>48727</v>
      </c>
      <c r="J28" s="28">
        <v>0</v>
      </c>
      <c r="K28" s="28">
        <v>48727</v>
      </c>
      <c r="L28" s="53">
        <v>23281</v>
      </c>
      <c r="M28" s="19">
        <v>1.6E-2</v>
      </c>
      <c r="N28" s="19">
        <v>7.0000000000000001E-3</v>
      </c>
      <c r="O28" s="28">
        <v>9</v>
      </c>
      <c r="P28" s="28">
        <v>1</v>
      </c>
      <c r="S28" s="11"/>
    </row>
    <row r="29" spans="1:19" ht="12" customHeight="1" x14ac:dyDescent="0.2">
      <c r="A29" s="12" t="s">
        <v>42</v>
      </c>
      <c r="B29" s="36">
        <v>0</v>
      </c>
      <c r="C29" s="36">
        <v>0</v>
      </c>
      <c r="D29" s="36">
        <v>0</v>
      </c>
      <c r="E29" s="36">
        <v>0</v>
      </c>
      <c r="F29" s="36">
        <v>0</v>
      </c>
      <c r="G29" s="55">
        <v>13602</v>
      </c>
      <c r="H29" s="38">
        <v>70463</v>
      </c>
      <c r="I29" s="55">
        <v>17016</v>
      </c>
      <c r="J29" s="36">
        <v>0</v>
      </c>
      <c r="K29" s="36">
        <v>17016</v>
      </c>
      <c r="L29" s="58">
        <v>53447</v>
      </c>
      <c r="M29" s="21">
        <v>2.5000000000000001E-2</v>
      </c>
      <c r="N29" s="21">
        <v>2.1000000000000001E-2</v>
      </c>
      <c r="O29" s="36">
        <v>7</v>
      </c>
      <c r="P29" s="36">
        <v>1</v>
      </c>
      <c r="S29" s="11"/>
    </row>
    <row r="30" spans="1:19" ht="12" customHeight="1" x14ac:dyDescent="0.2">
      <c r="A30" s="10" t="s">
        <v>43</v>
      </c>
      <c r="B30" s="28">
        <v>0</v>
      </c>
      <c r="C30" s="28">
        <v>0</v>
      </c>
      <c r="D30" s="28">
        <v>0</v>
      </c>
      <c r="E30" s="28">
        <v>0</v>
      </c>
      <c r="F30" s="28">
        <v>0</v>
      </c>
      <c r="G30" s="51">
        <v>0</v>
      </c>
      <c r="H30" s="31">
        <v>81052</v>
      </c>
      <c r="I30" s="51">
        <v>28573</v>
      </c>
      <c r="J30" s="28">
        <v>0</v>
      </c>
      <c r="K30" s="28">
        <v>28573</v>
      </c>
      <c r="L30" s="57">
        <v>52479</v>
      </c>
      <c r="M30" s="20">
        <v>2.5999999999999999E-2</v>
      </c>
      <c r="N30" s="20">
        <v>2.1000000000000001E-2</v>
      </c>
      <c r="O30" s="28">
        <v>10</v>
      </c>
      <c r="P30" s="28">
        <v>1</v>
      </c>
      <c r="S30" s="11"/>
    </row>
    <row r="31" spans="1:19" ht="12" customHeight="1" x14ac:dyDescent="0.2">
      <c r="A31" s="10" t="s">
        <v>44</v>
      </c>
      <c r="B31" s="28">
        <v>0</v>
      </c>
      <c r="C31" s="28">
        <v>0</v>
      </c>
      <c r="D31" s="28">
        <v>0</v>
      </c>
      <c r="E31" s="28">
        <v>7</v>
      </c>
      <c r="F31" s="28">
        <v>7</v>
      </c>
      <c r="G31" s="51">
        <v>0</v>
      </c>
      <c r="H31" s="31">
        <v>58388</v>
      </c>
      <c r="I31" s="51">
        <v>18770</v>
      </c>
      <c r="J31" s="28">
        <v>0</v>
      </c>
      <c r="K31" s="28">
        <v>18770</v>
      </c>
      <c r="L31" s="53">
        <v>39618</v>
      </c>
      <c r="M31" s="19">
        <v>0.03</v>
      </c>
      <c r="N31" s="19">
        <v>2.5000000000000001E-2</v>
      </c>
      <c r="O31" s="28">
        <v>7</v>
      </c>
      <c r="P31" s="28">
        <v>5</v>
      </c>
      <c r="S31" s="11"/>
    </row>
    <row r="32" spans="1:19" ht="12" customHeight="1" x14ac:dyDescent="0.2">
      <c r="A32" s="10" t="s">
        <v>45</v>
      </c>
      <c r="B32" s="28">
        <v>0</v>
      </c>
      <c r="C32" s="28">
        <v>0</v>
      </c>
      <c r="D32" s="28">
        <v>0</v>
      </c>
      <c r="E32" s="28">
        <v>0</v>
      </c>
      <c r="F32" s="28">
        <v>0</v>
      </c>
      <c r="G32" s="51">
        <v>10223</v>
      </c>
      <c r="H32" s="31">
        <v>57009</v>
      </c>
      <c r="I32" s="51">
        <v>18130</v>
      </c>
      <c r="J32" s="28">
        <v>0</v>
      </c>
      <c r="K32" s="28">
        <v>18130</v>
      </c>
      <c r="L32" s="53">
        <v>38879</v>
      </c>
      <c r="M32" s="19">
        <v>2.9000000000000001E-2</v>
      </c>
      <c r="N32" s="19">
        <v>2.4E-2</v>
      </c>
      <c r="O32" s="28">
        <v>8</v>
      </c>
      <c r="P32" s="28">
        <v>0</v>
      </c>
      <c r="S32" s="11"/>
    </row>
    <row r="33" spans="1:19" ht="12" customHeight="1" x14ac:dyDescent="0.2">
      <c r="A33" s="10" t="s">
        <v>46</v>
      </c>
      <c r="B33" s="28">
        <v>0</v>
      </c>
      <c r="C33" s="28">
        <v>0</v>
      </c>
      <c r="D33" s="28">
        <v>0</v>
      </c>
      <c r="E33" s="28">
        <v>0</v>
      </c>
      <c r="F33" s="28">
        <v>0</v>
      </c>
      <c r="G33" s="60">
        <v>0</v>
      </c>
      <c r="H33" s="31">
        <v>68397</v>
      </c>
      <c r="I33" s="61">
        <v>30455</v>
      </c>
      <c r="J33" s="28">
        <v>0</v>
      </c>
      <c r="K33" s="28">
        <v>30455</v>
      </c>
      <c r="L33" s="53">
        <v>37942</v>
      </c>
      <c r="M33" s="19">
        <v>1.7000000000000001E-2</v>
      </c>
      <c r="N33" s="19">
        <v>1.2E-2</v>
      </c>
      <c r="O33" s="28">
        <v>9</v>
      </c>
      <c r="P33" s="28">
        <v>3</v>
      </c>
      <c r="S33" s="11"/>
    </row>
    <row r="34" spans="1:19" ht="12" customHeight="1" x14ac:dyDescent="0.2">
      <c r="A34" s="12" t="s">
        <v>47</v>
      </c>
      <c r="B34" s="36">
        <v>0</v>
      </c>
      <c r="C34" s="36">
        <v>0</v>
      </c>
      <c r="D34" s="36">
        <v>0</v>
      </c>
      <c r="E34" s="36">
        <v>811</v>
      </c>
      <c r="F34" s="36">
        <v>811</v>
      </c>
      <c r="G34" s="55">
        <v>0</v>
      </c>
      <c r="H34" s="38">
        <v>141549</v>
      </c>
      <c r="I34" s="55">
        <v>30896</v>
      </c>
      <c r="J34" s="36">
        <v>0</v>
      </c>
      <c r="K34" s="36">
        <v>30896</v>
      </c>
      <c r="L34" s="58">
        <v>110653</v>
      </c>
      <c r="M34" s="21">
        <v>2.3E-2</v>
      </c>
      <c r="N34" s="21">
        <v>1.9E-2</v>
      </c>
      <c r="O34" s="36">
        <v>18</v>
      </c>
      <c r="P34" s="36">
        <v>4</v>
      </c>
      <c r="S34" s="11"/>
    </row>
    <row r="35" spans="1:19" ht="12" customHeight="1" x14ac:dyDescent="0.2">
      <c r="A35" s="13" t="s">
        <v>48</v>
      </c>
      <c r="B35" s="39">
        <v>0</v>
      </c>
      <c r="C35" s="39">
        <v>0</v>
      </c>
      <c r="D35" s="39">
        <v>0</v>
      </c>
      <c r="E35" s="39">
        <v>10</v>
      </c>
      <c r="F35" s="39">
        <v>10</v>
      </c>
      <c r="G35" s="62">
        <v>288</v>
      </c>
      <c r="H35" s="44">
        <v>32211</v>
      </c>
      <c r="I35" s="62">
        <v>11620</v>
      </c>
      <c r="J35" s="39">
        <v>0</v>
      </c>
      <c r="K35" s="39">
        <v>11620</v>
      </c>
      <c r="L35" s="57">
        <v>20591</v>
      </c>
      <c r="M35" s="20">
        <v>2.9000000000000001E-2</v>
      </c>
      <c r="N35" s="20">
        <v>2.3E-2</v>
      </c>
      <c r="O35" s="39">
        <v>6</v>
      </c>
      <c r="P35" s="39">
        <v>0</v>
      </c>
      <c r="S35" s="11"/>
    </row>
    <row r="36" spans="1:19" ht="12" customHeight="1" x14ac:dyDescent="0.2">
      <c r="A36" s="10" t="s">
        <v>49</v>
      </c>
      <c r="B36" s="28">
        <v>0</v>
      </c>
      <c r="C36" s="28">
        <v>0</v>
      </c>
      <c r="D36" s="28">
        <v>0</v>
      </c>
      <c r="E36" s="28">
        <v>0</v>
      </c>
      <c r="F36" s="28">
        <v>0</v>
      </c>
      <c r="G36" s="60">
        <v>5766</v>
      </c>
      <c r="H36" s="31">
        <v>120421</v>
      </c>
      <c r="I36" s="61">
        <v>41243</v>
      </c>
      <c r="J36" s="28">
        <v>0</v>
      </c>
      <c r="K36" s="28">
        <v>41243</v>
      </c>
      <c r="L36" s="53">
        <v>79178</v>
      </c>
      <c r="M36" s="19">
        <v>2.8000000000000001E-2</v>
      </c>
      <c r="N36" s="19">
        <v>2.1999999999999999E-2</v>
      </c>
      <c r="O36" s="28">
        <v>18</v>
      </c>
      <c r="P36" s="28">
        <v>2</v>
      </c>
      <c r="S36" s="11"/>
    </row>
    <row r="37" spans="1:19" ht="12" customHeight="1" x14ac:dyDescent="0.2">
      <c r="A37" s="10" t="s">
        <v>50</v>
      </c>
      <c r="B37" s="28">
        <v>0</v>
      </c>
      <c r="C37" s="28">
        <v>0</v>
      </c>
      <c r="D37" s="28">
        <v>0</v>
      </c>
      <c r="E37" s="28">
        <v>0</v>
      </c>
      <c r="F37" s="28">
        <v>0</v>
      </c>
      <c r="G37" s="60">
        <v>20824</v>
      </c>
      <c r="H37" s="31">
        <v>164992</v>
      </c>
      <c r="I37" s="60">
        <v>69336</v>
      </c>
      <c r="J37" s="28">
        <v>0</v>
      </c>
      <c r="K37" s="28">
        <v>69336</v>
      </c>
      <c r="L37" s="53">
        <v>95656</v>
      </c>
      <c r="M37" s="19">
        <v>1.9E-2</v>
      </c>
      <c r="N37" s="19">
        <v>1.2999999999999999E-2</v>
      </c>
      <c r="O37" s="28">
        <v>20</v>
      </c>
      <c r="P37" s="28">
        <v>0</v>
      </c>
      <c r="S37" s="11"/>
    </row>
    <row r="38" spans="1:19" ht="12" customHeight="1" x14ac:dyDescent="0.2">
      <c r="A38" s="14" t="s">
        <v>51</v>
      </c>
      <c r="B38" s="47">
        <v>0</v>
      </c>
      <c r="C38" s="47">
        <v>0</v>
      </c>
      <c r="D38" s="47">
        <v>0</v>
      </c>
      <c r="E38" s="47">
        <v>0</v>
      </c>
      <c r="F38" s="47">
        <v>0</v>
      </c>
      <c r="G38" s="63">
        <v>206</v>
      </c>
      <c r="H38" s="49">
        <v>42579</v>
      </c>
      <c r="I38" s="50">
        <v>4765</v>
      </c>
      <c r="J38" s="47">
        <v>0</v>
      </c>
      <c r="K38" s="47">
        <v>4765</v>
      </c>
      <c r="L38" s="64">
        <v>37814</v>
      </c>
      <c r="M38" s="22">
        <v>0.03</v>
      </c>
      <c r="N38" s="22">
        <v>2.9000000000000001E-2</v>
      </c>
      <c r="O38" s="47">
        <v>5</v>
      </c>
      <c r="P38" s="47">
        <v>0</v>
      </c>
      <c r="S38" s="11"/>
    </row>
    <row r="39" spans="1:19" ht="19.5" customHeight="1" x14ac:dyDescent="0.2">
      <c r="A39" s="15" t="s">
        <v>52</v>
      </c>
      <c r="B39" s="50">
        <v>0</v>
      </c>
      <c r="C39" s="50">
        <v>99</v>
      </c>
      <c r="D39" s="50">
        <v>1010</v>
      </c>
      <c r="E39" s="50">
        <v>10349</v>
      </c>
      <c r="F39" s="50">
        <v>11458</v>
      </c>
      <c r="G39" s="50">
        <v>1098770</v>
      </c>
      <c r="H39" s="50">
        <v>29625774</v>
      </c>
      <c r="I39" s="50">
        <v>14925739</v>
      </c>
      <c r="J39" s="50">
        <v>0</v>
      </c>
      <c r="K39" s="50">
        <v>14925739</v>
      </c>
      <c r="L39" s="50">
        <v>14700035</v>
      </c>
      <c r="M39" s="17">
        <v>1.4E-2</v>
      </c>
      <c r="N39" s="17">
        <v>8.0000000000000002E-3</v>
      </c>
      <c r="O39" s="50">
        <v>3155</v>
      </c>
      <c r="P39" s="47">
        <v>201</v>
      </c>
      <c r="S39" s="11"/>
    </row>
    <row r="40" spans="1:19" ht="12" customHeight="1" x14ac:dyDescent="0.2">
      <c r="A40" s="16" t="s">
        <v>71</v>
      </c>
    </row>
    <row r="41" spans="1:19" ht="12" customHeight="1" x14ac:dyDescent="0.2"/>
    <row r="42" spans="1:19" ht="12" customHeight="1" x14ac:dyDescent="0.2"/>
    <row r="43" spans="1:19" ht="12" customHeight="1" x14ac:dyDescent="0.2"/>
  </sheetData>
  <mergeCells count="20">
    <mergeCell ref="B2:H2"/>
    <mergeCell ref="B4:B5"/>
    <mergeCell ref="C4:C5"/>
    <mergeCell ref="D4:D5"/>
    <mergeCell ref="E4:E5"/>
    <mergeCell ref="F4:F5"/>
    <mergeCell ref="B3:F3"/>
    <mergeCell ref="G3:G5"/>
    <mergeCell ref="H3:H5"/>
    <mergeCell ref="M2:N3"/>
    <mergeCell ref="O2:P2"/>
    <mergeCell ref="I3:I5"/>
    <mergeCell ref="J3:J5"/>
    <mergeCell ref="K3:K5"/>
    <mergeCell ref="O3:O5"/>
    <mergeCell ref="P3:P5"/>
    <mergeCell ref="M4:M5"/>
    <mergeCell ref="N4:N5"/>
    <mergeCell ref="I2:K2"/>
    <mergeCell ref="L2:L5"/>
  </mergeCells>
  <phoneticPr fontId="2"/>
  <pageMargins left="0.78740157480314965" right="0.78740157480314965" top="0.78740157480314965" bottom="0.78740157480314965" header="0.51181102362204722" footer="0.31496062992125984"/>
  <pageSetup paperSize="9" firstPageNumber="189" orientation="landscape" blackAndWhite="1" useFirstPageNumber="1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徴収経費①</vt:lpstr>
      <vt:lpstr>徴収経費②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22-01-26T01:08:04Z</cp:lastPrinted>
  <dcterms:created xsi:type="dcterms:W3CDTF">2013-01-09T00:11:23Z</dcterms:created>
  <dcterms:modified xsi:type="dcterms:W3CDTF">2023-02-20T08:07:13Z</dcterms:modified>
</cp:coreProperties>
</file>